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0003528\Downloads\新しいフォルダー\"/>
    </mc:Choice>
  </mc:AlternateContent>
  <xr:revisionPtr revIDLastSave="0" documentId="13_ncr:1_{B095C4DA-D39A-47A1-82D4-A142C8C4F3CB}" xr6:coauthVersionLast="47" xr6:coauthVersionMax="47" xr10:uidLastSave="{00000000-0000-0000-0000-000000000000}"/>
  <bookViews>
    <workbookView xWindow="-120" yWindow="-120" windowWidth="29040" windowHeight="15720" tabRatio="672" xr2:uid="{00000000-000D-0000-FFFF-FFFF00000000}"/>
  </bookViews>
  <sheets>
    <sheet name="令和３年" sheetId="2" r:id="rId1"/>
    <sheet name="令和４年" sheetId="3" r:id="rId2"/>
    <sheet name="令和５年" sheetId="4" r:id="rId3"/>
    <sheet name="令和６年" sheetId="5" r:id="rId4"/>
    <sheet name="令和７年" sheetId="1" r:id="rId5"/>
  </sheets>
  <externalReferences>
    <externalReference r:id="rId6"/>
    <externalReference r:id="rId7"/>
    <externalReference r:id="rId8"/>
  </externalReferences>
  <definedNames>
    <definedName name="_A1">#REF!</definedName>
    <definedName name="_A2">#REF!</definedName>
    <definedName name="_A3">#REF!</definedName>
    <definedName name="_A4">#REF!</definedName>
    <definedName name="_A5">#REF!</definedName>
    <definedName name="_B1">#REF!</definedName>
    <definedName name="_B2">#REF!</definedName>
    <definedName name="_B3">#REF!</definedName>
    <definedName name="_Z14">#REF!</definedName>
    <definedName name="A100万人以上">#REF!</definedName>
    <definedName name="A11都道府県data">#REF!</definedName>
    <definedName name="data">#REF!</definedName>
    <definedName name="Excel_BuiltIn_Print_Titles_7">(#REF!,#REF!)</definedName>
    <definedName name="_xlnm.Print_Area" localSheetId="4">令和７年!$A$1:$J$42</definedName>
    <definedName name="かみおか">[1]プルダウンリスト!$B$3:$B$10</definedName>
    <definedName name="さ">[2]プルダウンリスト!$I$3:$I$4</definedName>
    <definedName name="行政への提供周期">[3]プルダウンリスト!$K$3:$K$12</definedName>
    <definedName name="実数_推定数別">[3]プルダウンリスト!$F$3:$F$5</definedName>
    <definedName name="全国100万人以上">#REF!</definedName>
    <definedName name="提供者">[3]プルダウンリスト!$E$3:$E$12</definedName>
    <definedName name="提供人数の単位">[3]プルダウンリスト!$J$3:$J$7</definedName>
    <definedName name="都道府県">[3]プルダウンリスト!$C$3:$C$49</definedName>
    <definedName name="入込単位">[3]プルダウンリスト!$H$3:$H$7</definedName>
    <definedName name="入込年">[3]プルダウンリスト!$G$3:$G$7</definedName>
    <definedName name="把握事項">[3]プルダウンリスト!$I$3:$I$4</definedName>
    <definedName name="分類">[3]プルダウンリスト!$B$3:$B$10</definedName>
    <definedName name="名称なし">#REF!</definedName>
    <definedName name="有料_無料施設別">[3]プルダウンリスト!$D$3:$D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80" uniqueCount="131">
  <si>
    <t>(調査表1)</t>
  </si>
  <si>
    <t>　調査表2のとおり</t>
  </si>
  <si>
    <t>観光地別(調査表2)の合計</t>
  </si>
  <si>
    <t>貸　切　バ　ス</t>
  </si>
  <si>
    <t>外　　　　国</t>
  </si>
  <si>
    <t>居住地</t>
  </si>
  <si>
    <t>項　　　　　目</t>
  </si>
  <si>
    <t>　　〃</t>
  </si>
  <si>
    <t>参考(注2)</t>
  </si>
  <si>
    <t>1　.　入　込　観　光　客　合　計</t>
  </si>
  <si>
    <t>消費額合計から上記3項目の数を差し引いた数</t>
  </si>
  <si>
    <t>行事・祭事</t>
  </si>
  <si>
    <t>入込観光客合計から上記3項目の数を差し引いた数</t>
  </si>
  <si>
    <t>文化・歴史</t>
  </si>
  <si>
    <t>機関別内訳</t>
  </si>
  <si>
    <t>自　　　　然</t>
  </si>
  <si>
    <t>産　業　観　光</t>
  </si>
  <si>
    <t>買　　　　物</t>
  </si>
  <si>
    <t>観光地</t>
  </si>
  <si>
    <t>スポーツ・レクリエーション</t>
  </si>
  <si>
    <t>別内訳</t>
  </si>
  <si>
    <t>温　　　　泉</t>
  </si>
  <si>
    <t>イ　ベ　ン　ト</t>
  </si>
  <si>
    <t>宿泊</t>
  </si>
  <si>
    <t>宿泊施設別(調査表3)の合計</t>
  </si>
  <si>
    <t>日帰り客数（立ち寄り客を含む）</t>
    <rPh sb="0" eb="2">
      <t>ヒガエ</t>
    </rPh>
    <rPh sb="3" eb="4">
      <t>キャク</t>
    </rPh>
    <rPh sb="4" eb="5">
      <t>スウ</t>
    </rPh>
    <phoneticPr fontId="2"/>
  </si>
  <si>
    <t>日帰り</t>
  </si>
  <si>
    <t>県　外　客</t>
  </si>
  <si>
    <t>関　　　　東</t>
  </si>
  <si>
    <t>2　.　消　費　額　合　計</t>
  </si>
  <si>
    <t>前年比(R7/R6)</t>
  </si>
  <si>
    <t>近　　　　畿</t>
  </si>
  <si>
    <t>中　　　　国</t>
  </si>
  <si>
    <t>九　　　　州</t>
  </si>
  <si>
    <t>四　国　3　県</t>
  </si>
  <si>
    <t>そ　の　他</t>
  </si>
  <si>
    <t>県　内　客</t>
  </si>
  <si>
    <t>入込観光客合計から県外客数を差し引いた数</t>
  </si>
  <si>
    <t>定期交通機関</t>
  </si>
  <si>
    <t>土産品購入費</t>
  </si>
  <si>
    <t>利用交通</t>
  </si>
  <si>
    <t>自　家　用　車</t>
  </si>
  <si>
    <t>県外客消費額と県内客消費額の合計</t>
  </si>
  <si>
    <t>宿　泊　費</t>
  </si>
  <si>
    <t>　調査表3のとおり</t>
  </si>
  <si>
    <t>支払項目</t>
  </si>
  <si>
    <t>域内交通費</t>
  </si>
  <si>
    <t xml:space="preserve"> 旅　　　館</t>
    <rPh sb="1" eb="2">
      <t>タビ</t>
    </rPh>
    <rPh sb="5" eb="6">
      <t>カン</t>
    </rPh>
    <phoneticPr fontId="2"/>
  </si>
  <si>
    <t>令和7年数値の算定基礎(注1)</t>
  </si>
  <si>
    <t>別内訳</t>
    <rPh sb="0" eb="1">
      <t>ベツ</t>
    </rPh>
    <rPh sb="1" eb="3">
      <t>ウチワケ</t>
    </rPh>
    <phoneticPr fontId="2"/>
  </si>
  <si>
    <t>(令和7年1月～12月　単位：人､千円､％)</t>
  </si>
  <si>
    <t>※「外国」欄は必ずご記入ください</t>
    <rPh sb="2" eb="4">
      <t>ガイコク</t>
    </rPh>
    <rPh sb="5" eb="6">
      <t>ラン</t>
    </rPh>
    <rPh sb="7" eb="8">
      <t>カナラ</t>
    </rPh>
    <rPh sb="10" eb="12">
      <t>キニュウ</t>
    </rPh>
    <phoneticPr fontId="2"/>
  </si>
  <si>
    <t>宿泊客数</t>
  </si>
  <si>
    <t>入込観光客合計から宿泊客数を差し引いた数</t>
    <rPh sb="11" eb="12">
      <t>キャク</t>
    </rPh>
    <phoneticPr fontId="2"/>
  </si>
  <si>
    <t xml:space="preserve"> リゾートホテル</t>
  </si>
  <si>
    <t xml:space="preserve"> ビジネスホテル 　     </t>
  </si>
  <si>
    <t xml:space="preserve"> シティホテル</t>
  </si>
  <si>
    <t xml:space="preserve"> 簡易宿所</t>
    <rPh sb="1" eb="5">
      <t>カンイシュクショ</t>
    </rPh>
    <phoneticPr fontId="2"/>
  </si>
  <si>
    <t xml:space="preserve"> 会社・団体の宿泊所</t>
    <rPh sb="4" eb="7">
      <t>シュクハクショ</t>
    </rPh>
    <phoneticPr fontId="2"/>
  </si>
  <si>
    <t>令　和　 7  年　　　観　光　客　数　と　そ　の　消　費　額</t>
  </si>
  <si>
    <t>令和7年(A)</t>
  </si>
  <si>
    <t>令和6年(B)</t>
  </si>
  <si>
    <t>市町名：　今治市</t>
    <rPh sb="5" eb="8">
      <t>イマバリシ</t>
    </rPh>
    <phoneticPr fontId="2"/>
  </si>
  <si>
    <t/>
  </si>
  <si>
    <t>令　和　 ３  年　　　観　光　客　数　と　そ　の　消　費　額</t>
    <rPh sb="0" eb="1">
      <t>レイ</t>
    </rPh>
    <rPh sb="2" eb="3">
      <t>ワ</t>
    </rPh>
    <phoneticPr fontId="2"/>
  </si>
  <si>
    <t>市町村名：　今治市　　</t>
    <rPh sb="6" eb="9">
      <t>イマバリシ</t>
    </rPh>
    <phoneticPr fontId="2"/>
  </si>
  <si>
    <t>(令和３年1月～12月　単位：人､千円､％)</t>
  </si>
  <si>
    <t>令和３年(A)</t>
  </si>
  <si>
    <t>令和２年(B)</t>
  </si>
  <si>
    <t>前年比(R3/R2)</t>
  </si>
  <si>
    <t>令和３年数値の算定基礎(注1)</t>
  </si>
  <si>
    <t>ホテル旅館</t>
  </si>
  <si>
    <t>寮・保養所</t>
  </si>
  <si>
    <t>公共宿泊施設</t>
  </si>
  <si>
    <t>ユースホステル</t>
  </si>
  <si>
    <t>民宿・ペンション</t>
  </si>
  <si>
    <t>キャンプ場・その他</t>
  </si>
  <si>
    <t>日帰り客(立ち寄り客を含む)</t>
  </si>
  <si>
    <t>入込観光客合計から宿泊者数を差し引いた数</t>
  </si>
  <si>
    <t>市内宿泊施設への宿泊客居住地比率から算定</t>
    <rPh sb="0" eb="2">
      <t>シナイ</t>
    </rPh>
    <rPh sb="2" eb="4">
      <t>シュクハク</t>
    </rPh>
    <rPh sb="4" eb="6">
      <t>シセツ</t>
    </rPh>
    <rPh sb="8" eb="10">
      <t>シュクハク</t>
    </rPh>
    <rPh sb="10" eb="11">
      <t>キャク</t>
    </rPh>
    <rPh sb="11" eb="14">
      <t>キョジュウチ</t>
    </rPh>
    <rPh sb="14" eb="16">
      <t>ヒリツ</t>
    </rPh>
    <rPh sb="18" eb="20">
      <t>サンテイ</t>
    </rPh>
    <phoneticPr fontId="3"/>
  </si>
  <si>
    <t>市内宿泊施設への宿泊客居住地比率から算定</t>
  </si>
  <si>
    <t>市内主要観光施設の利用交通機関別内訳比率から算出</t>
    <rPh sb="0" eb="2">
      <t>シナイ</t>
    </rPh>
    <rPh sb="2" eb="4">
      <t>シュヨウ</t>
    </rPh>
    <rPh sb="4" eb="6">
      <t>カンコウ</t>
    </rPh>
    <rPh sb="6" eb="8">
      <t>シセツ</t>
    </rPh>
    <rPh sb="22" eb="24">
      <t>サンシュツ</t>
    </rPh>
    <phoneticPr fontId="3"/>
  </si>
  <si>
    <t>支払項目別内訳の合計金額を居住地別比率で算出</t>
    <rPh sb="0" eb="2">
      <t>シハラ</t>
    </rPh>
    <rPh sb="2" eb="4">
      <t>コウモク</t>
    </rPh>
    <rPh sb="4" eb="5">
      <t>ベツ</t>
    </rPh>
    <rPh sb="5" eb="7">
      <t>ウチワケ</t>
    </rPh>
    <rPh sb="8" eb="10">
      <t>ゴウケイ</t>
    </rPh>
    <rPh sb="10" eb="12">
      <t>キンガク</t>
    </rPh>
    <rPh sb="13" eb="16">
      <t>キョジュウチ</t>
    </rPh>
    <rPh sb="16" eb="17">
      <t>ベツ</t>
    </rPh>
    <rPh sb="17" eb="19">
      <t>ヒリツ</t>
    </rPh>
    <rPh sb="20" eb="22">
      <t>サンシュツ</t>
    </rPh>
    <phoneticPr fontId="3"/>
  </si>
  <si>
    <t>7,554×宿泊客数</t>
    <rPh sb="6" eb="9">
      <t>シュクハクキャク</t>
    </rPh>
    <rPh sb="9" eb="10">
      <t>スウ</t>
    </rPh>
    <phoneticPr fontId="2"/>
  </si>
  <si>
    <t>1,152×買物（分類）の観光客数</t>
    <rPh sb="6" eb="8">
      <t>カイモノ</t>
    </rPh>
    <rPh sb="9" eb="11">
      <t>ブンルイ</t>
    </rPh>
    <rPh sb="13" eb="16">
      <t>カンコウキャク</t>
    </rPh>
    <rPh sb="16" eb="17">
      <t>スウ</t>
    </rPh>
    <phoneticPr fontId="2"/>
  </si>
  <si>
    <t>1,100×定期交通機関利用客数</t>
    <rPh sb="6" eb="8">
      <t>テイキ</t>
    </rPh>
    <rPh sb="8" eb="10">
      <t>コウツウ</t>
    </rPh>
    <rPh sb="10" eb="12">
      <t>キカン</t>
    </rPh>
    <rPh sb="12" eb="14">
      <t>リヨウ</t>
    </rPh>
    <rPh sb="14" eb="15">
      <t>キャク</t>
    </rPh>
    <rPh sb="15" eb="16">
      <t>スウ</t>
    </rPh>
    <phoneticPr fontId="2"/>
  </si>
  <si>
    <t>415×入込観光客数合計</t>
    <rPh sb="4" eb="6">
      <t>イリコミ</t>
    </rPh>
    <rPh sb="6" eb="9">
      <t>カンコウキャク</t>
    </rPh>
    <rPh sb="9" eb="10">
      <t>スウ</t>
    </rPh>
    <rPh sb="10" eb="12">
      <t>ゴウケイ</t>
    </rPh>
    <phoneticPr fontId="2"/>
  </si>
  <si>
    <t>令　和　 ４ 年　　　観　光　客　数　と　そ　の　消　費　額</t>
    <rPh sb="0" eb="1">
      <t>レイ</t>
    </rPh>
    <rPh sb="2" eb="3">
      <t>ワ</t>
    </rPh>
    <phoneticPr fontId="2"/>
  </si>
  <si>
    <t>(令和4年1月～12月　単位：人､千円､％)</t>
  </si>
  <si>
    <t>令和４年(A)</t>
  </si>
  <si>
    <t>令和３年(B)</t>
  </si>
  <si>
    <t>前年比(R4/R3)</t>
  </si>
  <si>
    <t>令和4年数値の算定基礎(注1)</t>
  </si>
  <si>
    <t>宿泊者数全体の81％</t>
    <rPh sb="0" eb="3">
      <t>シュクハクシャ</t>
    </rPh>
    <rPh sb="3" eb="4">
      <t>スウ</t>
    </rPh>
    <rPh sb="4" eb="6">
      <t>ゼンタイ</t>
    </rPh>
    <phoneticPr fontId="2"/>
  </si>
  <si>
    <t>宿泊者数全体の19％</t>
    <rPh sb="0" eb="3">
      <t>シュクハクシャ</t>
    </rPh>
    <rPh sb="3" eb="4">
      <t>スウ</t>
    </rPh>
    <rPh sb="4" eb="6">
      <t>ゼンタイ</t>
    </rPh>
    <phoneticPr fontId="2"/>
  </si>
  <si>
    <t>7,158×宿泊客数</t>
    <rPh sb="6" eb="9">
      <t>シュクハクキャク</t>
    </rPh>
    <rPh sb="9" eb="10">
      <t>スウ</t>
    </rPh>
    <phoneticPr fontId="2"/>
  </si>
  <si>
    <t>令　和　 ５  年　　　観　光　客　数　と　そ　の　消　費　額</t>
  </si>
  <si>
    <t>市町村名：　今治市</t>
    <rPh sb="6" eb="9">
      <t>イマバリシ</t>
    </rPh>
    <phoneticPr fontId="2"/>
  </si>
  <si>
    <t>(令和5年1月～12月　単位：人､千円､％)</t>
  </si>
  <si>
    <t>令和5年(A)</t>
  </si>
  <si>
    <t>令和4年(B)</t>
  </si>
  <si>
    <t>前年比(R5/R4)</t>
  </si>
  <si>
    <t>令和5年数値の算定基礎(注1)</t>
  </si>
  <si>
    <t>ホテル旅館合計</t>
    <rPh sb="3" eb="5">
      <t>リョカン</t>
    </rPh>
    <rPh sb="5" eb="7">
      <t>ゴウケイ</t>
    </rPh>
    <phoneticPr fontId="2"/>
  </si>
  <si>
    <t>ホテル（ビジ + リゾ + シティ）注3</t>
    <rPh sb="18" eb="19">
      <t>チュウ</t>
    </rPh>
    <phoneticPr fontId="2"/>
  </si>
  <si>
    <t>ビジネスホテル</t>
  </si>
  <si>
    <t>リゾートホテル</t>
  </si>
  <si>
    <t>シティホテル</t>
  </si>
  <si>
    <t>旅館</t>
    <rPh sb="0" eb="2">
      <t>リョカン</t>
    </rPh>
    <phoneticPr fontId="2"/>
  </si>
  <si>
    <t>民宿等の見直しにより対象施設が変わったため。</t>
    <rPh sb="0" eb="2">
      <t>ミンシュク</t>
    </rPh>
    <rPh sb="2" eb="3">
      <t>トウ</t>
    </rPh>
    <rPh sb="4" eb="6">
      <t>ミナオ</t>
    </rPh>
    <rPh sb="10" eb="12">
      <t>タイショウ</t>
    </rPh>
    <rPh sb="12" eb="14">
      <t>シセツ</t>
    </rPh>
    <rPh sb="15" eb="16">
      <t>カ</t>
    </rPh>
    <phoneticPr fontId="2"/>
  </si>
  <si>
    <t>市内主要観光施設の利用交通機関別内訳比率から算出</t>
    <rPh sb="0" eb="2">
      <t>シナイ</t>
    </rPh>
    <rPh sb="2" eb="4">
      <t>シュヨウ</t>
    </rPh>
    <rPh sb="4" eb="6">
      <t>カンコウ</t>
    </rPh>
    <rPh sb="6" eb="8">
      <t>シセツ</t>
    </rPh>
    <rPh sb="22" eb="24">
      <t>サンシュツ</t>
    </rPh>
    <phoneticPr fontId="8"/>
  </si>
  <si>
    <t>8,168×宿泊客数</t>
    <rPh sb="6" eb="9">
      <t>シュクハクキャク</t>
    </rPh>
    <rPh sb="9" eb="10">
      <t>スウ</t>
    </rPh>
    <phoneticPr fontId="2"/>
  </si>
  <si>
    <t>令　和　 ６  年　　　観　光　客　数　と　そ　の　消　費　額</t>
    <phoneticPr fontId="7"/>
  </si>
  <si>
    <t>市町名：　今治市</t>
    <rPh sb="5" eb="8">
      <t>イマバリシ</t>
    </rPh>
    <phoneticPr fontId="7"/>
  </si>
  <si>
    <t>(令和6年1月～12月　単位：人､千円､％)</t>
  </si>
  <si>
    <t>令和6年(A)</t>
  </si>
  <si>
    <t>令和5年(B)</t>
  </si>
  <si>
    <t>前年比(R6/R5)</t>
  </si>
  <si>
    <t>令和6年数値の算定基礎(注1)</t>
  </si>
  <si>
    <t>宿泊客数</t>
    <phoneticPr fontId="7"/>
  </si>
  <si>
    <t xml:space="preserve"> 旅　　　館</t>
    <rPh sb="1" eb="2">
      <t>タビ</t>
    </rPh>
    <rPh sb="5" eb="6">
      <t>カン</t>
    </rPh>
    <phoneticPr fontId="7"/>
  </si>
  <si>
    <t>　調査表3のとおり</t>
    <phoneticPr fontId="7"/>
  </si>
  <si>
    <t xml:space="preserve"> リゾートホテル</t>
    <phoneticPr fontId="7"/>
  </si>
  <si>
    <t xml:space="preserve"> ビジネスホテル 　     </t>
    <phoneticPr fontId="7"/>
  </si>
  <si>
    <t>別内訳</t>
    <rPh sb="0" eb="1">
      <t>ベツ</t>
    </rPh>
    <rPh sb="1" eb="3">
      <t>ウチワケ</t>
    </rPh>
    <phoneticPr fontId="7"/>
  </si>
  <si>
    <t xml:space="preserve"> シティホテル</t>
    <phoneticPr fontId="7"/>
  </si>
  <si>
    <t xml:space="preserve"> 簡易宿所</t>
    <rPh sb="1" eb="5">
      <t>カンイシュクショ</t>
    </rPh>
    <phoneticPr fontId="7"/>
  </si>
  <si>
    <t xml:space="preserve"> 会社・団体の宿泊所</t>
    <rPh sb="4" eb="7">
      <t>シュクハクショ</t>
    </rPh>
    <phoneticPr fontId="7"/>
  </si>
  <si>
    <t>日帰り客数（立ち寄り客を含む）</t>
    <rPh sb="0" eb="2">
      <t>ヒガエ</t>
    </rPh>
    <rPh sb="3" eb="4">
      <t>キャク</t>
    </rPh>
    <rPh sb="4" eb="5">
      <t>スウ</t>
    </rPh>
    <phoneticPr fontId="7"/>
  </si>
  <si>
    <t>入込観光客合計から宿泊客数を差し引いた数</t>
    <rPh sb="11" eb="12">
      <t>キャク</t>
    </rPh>
    <phoneticPr fontId="7"/>
  </si>
  <si>
    <t>※「外国」欄は必ずご記入ください</t>
    <rPh sb="2" eb="4">
      <t>ガイコク</t>
    </rPh>
    <rPh sb="5" eb="6">
      <t>ラン</t>
    </rPh>
    <rPh sb="7" eb="8">
      <t>カナラ</t>
    </rPh>
    <rPh sb="10" eb="12">
      <t>キニュウ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"/>
    <numFmt numFmtId="177" formatCode="0.0%"/>
    <numFmt numFmtId="178" formatCode="#,##0,"/>
  </numFmts>
  <fonts count="14" x14ac:knownFonts="1">
    <font>
      <sz val="11"/>
      <name val="ＭＳ Ｐ明朝"/>
      <family val="1"/>
    </font>
    <font>
      <sz val="11"/>
      <color theme="1"/>
      <name val="ＭＳ Ｐゴシック"/>
      <family val="3"/>
      <scheme val="minor"/>
    </font>
    <font>
      <sz val="6"/>
      <name val="ＭＳ Ｐ明朝"/>
      <family val="1"/>
    </font>
    <font>
      <sz val="9"/>
      <name val="ＭＳ Ｐ明朝"/>
      <family val="1"/>
    </font>
    <font>
      <b/>
      <sz val="9"/>
      <name val="ＭＳ Ｐゴシック"/>
      <family val="3"/>
    </font>
    <font>
      <u/>
      <sz val="9"/>
      <name val="ＭＳ Ｐ明朝"/>
      <family val="1"/>
    </font>
    <font>
      <sz val="9"/>
      <color indexed="8"/>
      <name val="ＭＳ Ｐ明朝"/>
      <family val="1"/>
    </font>
    <font>
      <sz val="6"/>
      <name val="ＭＳ Ｐ明朝"/>
      <family val="1"/>
      <charset val="128"/>
    </font>
    <font>
      <b/>
      <sz val="8"/>
      <name val="ＭＳ ゴシック"/>
      <family val="3"/>
    </font>
    <font>
      <sz val="11"/>
      <name val="ＭＳ Ｐ明朝"/>
      <family val="1"/>
      <charset val="128"/>
    </font>
    <font>
      <sz val="9"/>
      <name val="ＭＳ Ｐ明朝"/>
      <family val="1"/>
      <charset val="128"/>
    </font>
    <font>
      <b/>
      <sz val="9"/>
      <name val="ＭＳ Ｐゴシック"/>
      <family val="3"/>
      <charset val="128"/>
    </font>
    <font>
      <u/>
      <sz val="9"/>
      <name val="ＭＳ Ｐ明朝"/>
      <family val="1"/>
      <charset val="128"/>
    </font>
    <font>
      <sz val="9"/>
      <color indexed="8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double">
        <color indexed="8"/>
      </top>
      <bottom/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 style="double">
        <color indexed="8"/>
      </top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/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/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dashed">
        <color indexed="8"/>
      </bottom>
      <diagonal/>
    </border>
  </borders>
  <cellStyleXfs count="6">
    <xf numFmtId="0" fontId="0" fillId="0" borderId="0"/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9" fillId="0" borderId="0"/>
  </cellStyleXfs>
  <cellXfs count="143">
    <xf numFmtId="0" fontId="0" fillId="0" borderId="0" xfId="0"/>
    <xf numFmtId="176" fontId="3" fillId="0" borderId="0" xfId="0" applyNumberFormat="1" applyFont="1"/>
    <xf numFmtId="176" fontId="3" fillId="0" borderId="0" xfId="0" applyNumberFormat="1" applyFont="1" applyAlignment="1">
      <alignment shrinkToFit="1"/>
    </xf>
    <xf numFmtId="176" fontId="5" fillId="0" borderId="0" xfId="0" applyNumberFormat="1" applyFont="1" applyAlignment="1">
      <alignment horizontal="left" shrinkToFit="1"/>
    </xf>
    <xf numFmtId="176" fontId="3" fillId="0" borderId="1" xfId="0" applyNumberFormat="1" applyFont="1" applyBorder="1" applyAlignment="1">
      <alignment horizontal="center" shrinkToFit="1"/>
    </xf>
    <xf numFmtId="176" fontId="3" fillId="0" borderId="3" xfId="0" applyNumberFormat="1" applyFont="1" applyBorder="1" applyAlignment="1">
      <alignment horizontal="center"/>
    </xf>
    <xf numFmtId="176" fontId="3" fillId="0" borderId="4" xfId="0" applyNumberFormat="1" applyFont="1" applyBorder="1" applyAlignment="1">
      <alignment horizontal="center"/>
    </xf>
    <xf numFmtId="176" fontId="3" fillId="0" borderId="5" xfId="0" applyNumberFormat="1" applyFont="1" applyBorder="1" applyAlignment="1">
      <alignment horizontal="center"/>
    </xf>
    <xf numFmtId="176" fontId="3" fillId="0" borderId="6" xfId="0" applyNumberFormat="1" applyFont="1" applyBorder="1" applyAlignment="1">
      <alignment horizontal="center"/>
    </xf>
    <xf numFmtId="176" fontId="3" fillId="0" borderId="4" xfId="0" applyNumberFormat="1" applyFont="1" applyBorder="1"/>
    <xf numFmtId="176" fontId="3" fillId="0" borderId="2" xfId="0" applyNumberFormat="1" applyFont="1" applyBorder="1" applyAlignment="1">
      <alignment horizontal="center"/>
    </xf>
    <xf numFmtId="176" fontId="3" fillId="0" borderId="5" xfId="0" applyNumberFormat="1" applyFont="1" applyBorder="1"/>
    <xf numFmtId="176" fontId="3" fillId="0" borderId="8" xfId="0" applyNumberFormat="1" applyFont="1" applyBorder="1" applyAlignment="1">
      <alignment wrapText="1"/>
    </xf>
    <xf numFmtId="176" fontId="3" fillId="0" borderId="9" xfId="0" applyNumberFormat="1" applyFont="1" applyBorder="1" applyAlignment="1">
      <alignment wrapText="1"/>
    </xf>
    <xf numFmtId="176" fontId="3" fillId="0" borderId="10" xfId="0" applyNumberFormat="1" applyFont="1" applyBorder="1"/>
    <xf numFmtId="176" fontId="3" fillId="0" borderId="9" xfId="0" applyNumberFormat="1" applyFont="1" applyBorder="1"/>
    <xf numFmtId="176" fontId="3" fillId="0" borderId="2" xfId="0" applyNumberFormat="1" applyFont="1" applyBorder="1"/>
    <xf numFmtId="176" fontId="3" fillId="0" borderId="11" xfId="0" applyNumberFormat="1" applyFont="1" applyBorder="1" applyAlignment="1">
      <alignment horizontal="center"/>
    </xf>
    <xf numFmtId="176" fontId="3" fillId="0" borderId="12" xfId="0" applyNumberFormat="1" applyFont="1" applyBorder="1" applyAlignment="1">
      <alignment horizontal="center" wrapText="1"/>
    </xf>
    <xf numFmtId="176" fontId="3" fillId="0" borderId="13" xfId="0" applyNumberFormat="1" applyFont="1" applyBorder="1" applyAlignment="1">
      <alignment horizontal="center" wrapText="1"/>
    </xf>
    <xf numFmtId="176" fontId="3" fillId="0" borderId="11" xfId="0" applyNumberFormat="1" applyFont="1" applyBorder="1" applyAlignment="1">
      <alignment horizontal="left" vertical="center" wrapText="1"/>
    </xf>
    <xf numFmtId="176" fontId="3" fillId="0" borderId="14" xfId="0" applyNumberFormat="1" applyFont="1" applyBorder="1" applyAlignment="1">
      <alignment horizontal="left" vertical="center" wrapText="1"/>
    </xf>
    <xf numFmtId="176" fontId="3" fillId="0" borderId="12" xfId="0" applyNumberFormat="1" applyFont="1" applyBorder="1" applyAlignment="1">
      <alignment horizontal="left" vertical="center" wrapText="1"/>
    </xf>
    <xf numFmtId="176" fontId="3" fillId="0" borderId="15" xfId="0" applyNumberFormat="1" applyFont="1" applyBorder="1" applyAlignment="1">
      <alignment horizontal="left" shrinkToFit="1"/>
    </xf>
    <xf numFmtId="176" fontId="3" fillId="0" borderId="7" xfId="0" applyNumberFormat="1" applyFont="1" applyBorder="1" applyAlignment="1">
      <alignment wrapText="1"/>
    </xf>
    <xf numFmtId="176" fontId="3" fillId="0" borderId="11" xfId="0" applyNumberFormat="1" applyFont="1" applyBorder="1" applyAlignment="1">
      <alignment horizontal="center" wrapText="1"/>
    </xf>
    <xf numFmtId="176" fontId="3" fillId="0" borderId="16" xfId="0" applyNumberFormat="1" applyFont="1" applyBorder="1" applyAlignment="1">
      <alignment horizontal="center" wrapText="1"/>
    </xf>
    <xf numFmtId="176" fontId="3" fillId="0" borderId="15" xfId="0" applyNumberFormat="1" applyFont="1" applyBorder="1" applyAlignment="1">
      <alignment wrapText="1"/>
    </xf>
    <xf numFmtId="176" fontId="3" fillId="0" borderId="14" xfId="0" applyNumberFormat="1" applyFont="1" applyBorder="1" applyAlignment="1">
      <alignment horizontal="center" wrapText="1"/>
    </xf>
    <xf numFmtId="176" fontId="3" fillId="0" borderId="17" xfId="0" applyNumberFormat="1" applyFont="1" applyBorder="1" applyAlignment="1">
      <alignment horizontal="center" shrinkToFit="1"/>
    </xf>
    <xf numFmtId="176" fontId="3" fillId="0" borderId="4" xfId="0" applyNumberFormat="1" applyFont="1" applyBorder="1" applyAlignment="1">
      <alignment wrapText="1"/>
    </xf>
    <xf numFmtId="176" fontId="3" fillId="0" borderId="14" xfId="0" applyNumberFormat="1" applyFont="1" applyBorder="1" applyAlignment="1">
      <alignment wrapText="1"/>
    </xf>
    <xf numFmtId="176" fontId="3" fillId="0" borderId="10" xfId="0" applyNumberFormat="1" applyFont="1" applyBorder="1" applyAlignment="1">
      <alignment wrapText="1"/>
    </xf>
    <xf numFmtId="176" fontId="3" fillId="0" borderId="2" xfId="0" applyNumberFormat="1" applyFont="1" applyBorder="1" applyAlignment="1">
      <alignment wrapText="1"/>
    </xf>
    <xf numFmtId="176" fontId="3" fillId="0" borderId="5" xfId="0" applyNumberFormat="1" applyFont="1" applyBorder="1" applyAlignment="1">
      <alignment wrapText="1"/>
    </xf>
    <xf numFmtId="176" fontId="3" fillId="0" borderId="18" xfId="0" applyNumberFormat="1" applyFont="1" applyBorder="1" applyAlignment="1">
      <alignment horizontal="center" shrinkToFit="1"/>
    </xf>
    <xf numFmtId="176" fontId="3" fillId="0" borderId="7" xfId="0" applyNumberFormat="1" applyFont="1" applyBorder="1"/>
    <xf numFmtId="176" fontId="3" fillId="0" borderId="11" xfId="0" applyNumberFormat="1" applyFont="1" applyBorder="1" applyAlignment="1">
      <alignment shrinkToFit="1"/>
    </xf>
    <xf numFmtId="176" fontId="3" fillId="0" borderId="12" xfId="0" applyNumberFormat="1" applyFont="1" applyBorder="1" applyAlignment="1">
      <alignment shrinkToFit="1"/>
    </xf>
    <xf numFmtId="176" fontId="3" fillId="0" borderId="13" xfId="0" applyNumberFormat="1" applyFont="1" applyBorder="1" applyAlignment="1">
      <alignment shrinkToFit="1"/>
    </xf>
    <xf numFmtId="176" fontId="3" fillId="0" borderId="7" xfId="0" applyNumberFormat="1" applyFont="1" applyBorder="1" applyAlignment="1">
      <alignment shrinkToFit="1"/>
    </xf>
    <xf numFmtId="176" fontId="3" fillId="0" borderId="14" xfId="0" applyNumberFormat="1" applyFont="1" applyBorder="1" applyAlignment="1">
      <alignment shrinkToFit="1"/>
    </xf>
    <xf numFmtId="176" fontId="3" fillId="0" borderId="15" xfId="0" applyNumberFormat="1" applyFont="1" applyBorder="1" applyAlignment="1">
      <alignment shrinkToFit="1"/>
    </xf>
    <xf numFmtId="176" fontId="3" fillId="0" borderId="16" xfId="0" applyNumberFormat="1" applyFont="1" applyBorder="1" applyAlignment="1">
      <alignment shrinkToFit="1"/>
    </xf>
    <xf numFmtId="176" fontId="6" fillId="0" borderId="13" xfId="0" applyNumberFormat="1" applyFont="1" applyBorder="1" applyAlignment="1">
      <alignment shrinkToFit="1"/>
    </xf>
    <xf numFmtId="176" fontId="3" fillId="0" borderId="4" xfId="0" applyNumberFormat="1" applyFont="1" applyBorder="1" applyAlignment="1">
      <alignment shrinkToFit="1"/>
    </xf>
    <xf numFmtId="176" fontId="3" fillId="0" borderId="10" xfId="0" applyNumberFormat="1" applyFont="1" applyBorder="1" applyAlignment="1">
      <alignment shrinkToFit="1"/>
    </xf>
    <xf numFmtId="176" fontId="3" fillId="0" borderId="9" xfId="0" applyNumberFormat="1" applyFont="1" applyBorder="1" applyAlignment="1">
      <alignment shrinkToFit="1"/>
    </xf>
    <xf numFmtId="176" fontId="3" fillId="0" borderId="2" xfId="0" applyNumberFormat="1" applyFont="1" applyBorder="1" applyAlignment="1">
      <alignment shrinkToFit="1"/>
    </xf>
    <xf numFmtId="176" fontId="3" fillId="0" borderId="5" xfId="0" applyNumberFormat="1" applyFont="1" applyBorder="1" applyAlignment="1">
      <alignment shrinkToFit="1"/>
    </xf>
    <xf numFmtId="177" fontId="3" fillId="0" borderId="2" xfId="0" applyNumberFormat="1" applyFont="1" applyBorder="1"/>
    <xf numFmtId="177" fontId="3" fillId="0" borderId="11" xfId="0" applyNumberFormat="1" applyFont="1" applyBorder="1"/>
    <xf numFmtId="177" fontId="3" fillId="0" borderId="12" xfId="0" applyNumberFormat="1" applyFont="1" applyBorder="1"/>
    <xf numFmtId="177" fontId="3" fillId="0" borderId="13" xfId="0" applyNumberFormat="1" applyFont="1" applyBorder="1"/>
    <xf numFmtId="177" fontId="3" fillId="0" borderId="14" xfId="0" applyNumberFormat="1" applyFont="1" applyBorder="1"/>
    <xf numFmtId="177" fontId="3" fillId="0" borderId="19" xfId="0" applyNumberFormat="1" applyFont="1" applyBorder="1"/>
    <xf numFmtId="177" fontId="3" fillId="0" borderId="16" xfId="0" applyNumberFormat="1" applyFont="1" applyBorder="1"/>
    <xf numFmtId="176" fontId="3" fillId="0" borderId="19" xfId="0" applyNumberFormat="1" applyFont="1" applyBorder="1" applyAlignment="1">
      <alignment shrinkToFit="1"/>
    </xf>
    <xf numFmtId="176" fontId="3" fillId="0" borderId="0" xfId="0" applyNumberFormat="1" applyFont="1" applyAlignment="1">
      <alignment horizontal="right" shrinkToFit="1"/>
    </xf>
    <xf numFmtId="178" fontId="3" fillId="0" borderId="7" xfId="0" applyNumberFormat="1" applyFont="1" applyBorder="1" applyAlignment="1">
      <alignment shrinkToFit="1"/>
    </xf>
    <xf numFmtId="178" fontId="3" fillId="0" borderId="11" xfId="0" applyNumberFormat="1" applyFont="1" applyBorder="1" applyAlignment="1">
      <alignment shrinkToFit="1"/>
    </xf>
    <xf numFmtId="178" fontId="3" fillId="0" borderId="13" xfId="0" applyNumberFormat="1" applyFont="1" applyBorder="1" applyAlignment="1">
      <alignment shrinkToFit="1"/>
    </xf>
    <xf numFmtId="178" fontId="3" fillId="0" borderId="14" xfId="0" applyNumberFormat="1" applyFont="1" applyBorder="1" applyAlignment="1">
      <alignment shrinkToFit="1"/>
    </xf>
    <xf numFmtId="178" fontId="3" fillId="0" borderId="12" xfId="0" applyNumberFormat="1" applyFont="1" applyBorder="1" applyAlignment="1">
      <alignment shrinkToFit="1"/>
    </xf>
    <xf numFmtId="178" fontId="3" fillId="0" borderId="16" xfId="0" applyNumberFormat="1" applyFont="1" applyBorder="1" applyAlignment="1">
      <alignment shrinkToFit="1"/>
    </xf>
    <xf numFmtId="176" fontId="3" fillId="0" borderId="11" xfId="0" applyNumberFormat="1" applyFont="1" applyBorder="1" applyAlignment="1">
      <alignment wrapText="1"/>
    </xf>
    <xf numFmtId="176" fontId="3" fillId="0" borderId="14" xfId="0" applyNumberFormat="1" applyFont="1" applyBorder="1" applyAlignment="1">
      <alignment horizontal="center" shrinkToFit="1"/>
    </xf>
    <xf numFmtId="176" fontId="3" fillId="0" borderId="21" xfId="0" applyNumberFormat="1" applyFont="1" applyBorder="1" applyAlignment="1">
      <alignment horizontal="center" wrapText="1"/>
    </xf>
    <xf numFmtId="176" fontId="3" fillId="0" borderId="21" xfId="0" applyNumberFormat="1" applyFont="1" applyBorder="1" applyAlignment="1">
      <alignment shrinkToFit="1"/>
    </xf>
    <xf numFmtId="177" fontId="3" fillId="0" borderId="21" xfId="0" applyNumberFormat="1" applyFont="1" applyBorder="1"/>
    <xf numFmtId="176" fontId="3" fillId="0" borderId="9" xfId="0" applyNumberFormat="1" applyFont="1" applyBorder="1" applyAlignment="1">
      <alignment horizontal="left" shrinkToFit="1"/>
    </xf>
    <xf numFmtId="176" fontId="3" fillId="0" borderId="0" xfId="0" applyNumberFormat="1" applyFont="1" applyAlignment="1">
      <alignment horizontal="left" shrinkToFit="1"/>
    </xf>
    <xf numFmtId="176" fontId="4" fillId="0" borderId="2" xfId="0" applyNumberFormat="1" applyFont="1" applyBorder="1"/>
    <xf numFmtId="176" fontId="4" fillId="0" borderId="0" xfId="0" applyNumberFormat="1" applyFont="1" applyAlignment="1">
      <alignment horizontal="center"/>
    </xf>
    <xf numFmtId="176" fontId="5" fillId="0" borderId="0" xfId="0" applyNumberFormat="1" applyFont="1" applyAlignment="1">
      <alignment horizontal="left" shrinkToFit="1"/>
    </xf>
    <xf numFmtId="176" fontId="3" fillId="0" borderId="1" xfId="0" applyNumberFormat="1" applyFont="1" applyBorder="1" applyAlignment="1">
      <alignment horizontal="center" shrinkToFit="1"/>
    </xf>
    <xf numFmtId="176" fontId="3" fillId="0" borderId="0" xfId="0" applyNumberFormat="1" applyFont="1" applyAlignment="1">
      <alignment horizontal="right" shrinkToFit="1"/>
    </xf>
    <xf numFmtId="176" fontId="3" fillId="0" borderId="20" xfId="0" applyNumberFormat="1" applyFont="1" applyBorder="1" applyAlignment="1">
      <alignment horizontal="right" shrinkToFit="1"/>
    </xf>
    <xf numFmtId="176" fontId="10" fillId="0" borderId="0" xfId="5" applyNumberFormat="1" applyFont="1"/>
    <xf numFmtId="176" fontId="11" fillId="0" borderId="0" xfId="5" applyNumberFormat="1" applyFont="1" applyAlignment="1">
      <alignment horizontal="center"/>
    </xf>
    <xf numFmtId="176" fontId="12" fillId="0" borderId="0" xfId="5" applyNumberFormat="1" applyFont="1" applyAlignment="1">
      <alignment horizontal="left" shrinkToFit="1"/>
    </xf>
    <xf numFmtId="176" fontId="12" fillId="0" borderId="0" xfId="5" applyNumberFormat="1" applyFont="1" applyAlignment="1">
      <alignment horizontal="left" shrinkToFit="1"/>
    </xf>
    <xf numFmtId="176" fontId="10" fillId="0" borderId="0" xfId="5" applyNumberFormat="1" applyFont="1" applyAlignment="1">
      <alignment horizontal="right" shrinkToFit="1"/>
    </xf>
    <xf numFmtId="176" fontId="10" fillId="0" borderId="20" xfId="5" applyNumberFormat="1" applyFont="1" applyBorder="1" applyAlignment="1">
      <alignment horizontal="right" shrinkToFit="1"/>
    </xf>
    <xf numFmtId="176" fontId="10" fillId="0" borderId="1" xfId="5" applyNumberFormat="1" applyFont="1" applyBorder="1" applyAlignment="1">
      <alignment horizontal="center" shrinkToFit="1"/>
    </xf>
    <xf numFmtId="176" fontId="10" fillId="0" borderId="17" xfId="5" applyNumberFormat="1" applyFont="1" applyBorder="1" applyAlignment="1">
      <alignment horizontal="center" shrinkToFit="1"/>
    </xf>
    <xf numFmtId="176" fontId="10" fillId="0" borderId="18" xfId="5" applyNumberFormat="1" applyFont="1" applyBorder="1" applyAlignment="1">
      <alignment horizontal="center" shrinkToFit="1"/>
    </xf>
    <xf numFmtId="176" fontId="10" fillId="0" borderId="1" xfId="5" applyNumberFormat="1" applyFont="1" applyBorder="1" applyAlignment="1">
      <alignment horizontal="center" shrinkToFit="1"/>
    </xf>
    <xf numFmtId="176" fontId="10" fillId="0" borderId="0" xfId="5" applyNumberFormat="1" applyFont="1" applyAlignment="1">
      <alignment shrinkToFit="1"/>
    </xf>
    <xf numFmtId="176" fontId="11" fillId="0" borderId="2" xfId="5" applyNumberFormat="1" applyFont="1" applyBorder="1"/>
    <xf numFmtId="176" fontId="10" fillId="0" borderId="9" xfId="5" applyNumberFormat="1" applyFont="1" applyBorder="1"/>
    <xf numFmtId="176" fontId="10" fillId="0" borderId="7" xfId="5" applyNumberFormat="1" applyFont="1" applyBorder="1"/>
    <xf numFmtId="177" fontId="10" fillId="0" borderId="2" xfId="5" applyNumberFormat="1" applyFont="1" applyBorder="1"/>
    <xf numFmtId="176" fontId="10" fillId="0" borderId="2" xfId="5" applyNumberFormat="1" applyFont="1" applyBorder="1"/>
    <xf numFmtId="176" fontId="10" fillId="0" borderId="3" xfId="5" applyNumberFormat="1" applyFont="1" applyBorder="1" applyAlignment="1">
      <alignment horizontal="center"/>
    </xf>
    <xf numFmtId="176" fontId="10" fillId="0" borderId="4" xfId="5" applyNumberFormat="1" applyFont="1" applyBorder="1"/>
    <xf numFmtId="176" fontId="10" fillId="0" borderId="11" xfId="5" applyNumberFormat="1" applyFont="1" applyBorder="1" applyAlignment="1">
      <alignment horizontal="center"/>
    </xf>
    <xf numFmtId="176" fontId="10" fillId="0" borderId="11" xfId="5" applyNumberFormat="1" applyFont="1" applyBorder="1" applyAlignment="1">
      <alignment shrinkToFit="1"/>
    </xf>
    <xf numFmtId="177" fontId="10" fillId="0" borderId="11" xfId="5" applyNumberFormat="1" applyFont="1" applyBorder="1"/>
    <xf numFmtId="176" fontId="10" fillId="0" borderId="4" xfId="5" applyNumberFormat="1" applyFont="1" applyBorder="1" applyAlignment="1">
      <alignment horizontal="center"/>
    </xf>
    <xf numFmtId="176" fontId="10" fillId="0" borderId="12" xfId="5" applyNumberFormat="1" applyFont="1" applyBorder="1" applyAlignment="1">
      <alignment horizontal="center" wrapText="1"/>
    </xf>
    <xf numFmtId="176" fontId="10" fillId="0" borderId="12" xfId="5" applyNumberFormat="1" applyFont="1" applyBorder="1" applyAlignment="1">
      <alignment shrinkToFit="1"/>
    </xf>
    <xf numFmtId="177" fontId="10" fillId="0" borderId="12" xfId="5" applyNumberFormat="1" applyFont="1" applyBorder="1"/>
    <xf numFmtId="176" fontId="10" fillId="0" borderId="5" xfId="5" applyNumberFormat="1" applyFont="1" applyBorder="1" applyAlignment="1">
      <alignment horizontal="center"/>
    </xf>
    <xf numFmtId="176" fontId="10" fillId="0" borderId="5" xfId="5" applyNumberFormat="1" applyFont="1" applyBorder="1"/>
    <xf numFmtId="176" fontId="10" fillId="0" borderId="13" xfId="5" applyNumberFormat="1" applyFont="1" applyBorder="1" applyAlignment="1">
      <alignment horizontal="center" wrapText="1"/>
    </xf>
    <xf numFmtId="176" fontId="10" fillId="0" borderId="13" xfId="5" applyNumberFormat="1" applyFont="1" applyBorder="1" applyAlignment="1">
      <alignment shrinkToFit="1"/>
    </xf>
    <xf numFmtId="177" fontId="10" fillId="0" borderId="13" xfId="5" applyNumberFormat="1" applyFont="1" applyBorder="1"/>
    <xf numFmtId="176" fontId="10" fillId="0" borderId="6" xfId="5" applyNumberFormat="1" applyFont="1" applyBorder="1" applyAlignment="1">
      <alignment horizontal="center"/>
    </xf>
    <xf numFmtId="176" fontId="10" fillId="0" borderId="8" xfId="5" applyNumberFormat="1" applyFont="1" applyBorder="1" applyAlignment="1">
      <alignment wrapText="1"/>
    </xf>
    <xf numFmtId="176" fontId="10" fillId="0" borderId="7" xfId="5" applyNumberFormat="1" applyFont="1" applyBorder="1" applyAlignment="1">
      <alignment shrinkToFit="1"/>
    </xf>
    <xf numFmtId="176" fontId="10" fillId="0" borderId="2" xfId="5" applyNumberFormat="1" applyFont="1" applyBorder="1" applyAlignment="1">
      <alignment shrinkToFit="1"/>
    </xf>
    <xf numFmtId="176" fontId="10" fillId="0" borderId="9" xfId="5" applyNumberFormat="1" applyFont="1" applyBorder="1" applyAlignment="1">
      <alignment wrapText="1"/>
    </xf>
    <xf numFmtId="176" fontId="10" fillId="0" borderId="11" xfId="5" applyNumberFormat="1" applyFont="1" applyBorder="1" applyAlignment="1">
      <alignment horizontal="left" vertical="center" wrapText="1"/>
    </xf>
    <xf numFmtId="176" fontId="10" fillId="0" borderId="14" xfId="5" applyNumberFormat="1" applyFont="1" applyBorder="1" applyAlignment="1">
      <alignment shrinkToFit="1"/>
    </xf>
    <xf numFmtId="177" fontId="10" fillId="0" borderId="14" xfId="5" applyNumberFormat="1" applyFont="1" applyBorder="1"/>
    <xf numFmtId="176" fontId="10" fillId="0" borderId="14" xfId="5" applyNumberFormat="1" applyFont="1" applyBorder="1" applyAlignment="1">
      <alignment horizontal="left" vertical="center" wrapText="1"/>
    </xf>
    <xf numFmtId="176" fontId="10" fillId="0" borderId="4" xfId="5" applyNumberFormat="1" applyFont="1" applyBorder="1" applyAlignment="1">
      <alignment wrapText="1"/>
    </xf>
    <xf numFmtId="176" fontId="10" fillId="0" borderId="4" xfId="5" applyNumberFormat="1" applyFont="1" applyBorder="1" applyAlignment="1">
      <alignment shrinkToFit="1"/>
    </xf>
    <xf numFmtId="176" fontId="10" fillId="0" borderId="12" xfId="5" applyNumberFormat="1" applyFont="1" applyBorder="1" applyAlignment="1">
      <alignment horizontal="left" vertical="center" wrapText="1"/>
    </xf>
    <xf numFmtId="176" fontId="10" fillId="0" borderId="14" xfId="5" applyNumberFormat="1" applyFont="1" applyBorder="1" applyAlignment="1">
      <alignment wrapText="1"/>
    </xf>
    <xf numFmtId="176" fontId="10" fillId="0" borderId="10" xfId="5" applyNumberFormat="1" applyFont="1" applyBorder="1"/>
    <xf numFmtId="176" fontId="10" fillId="0" borderId="15" xfId="5" applyNumberFormat="1" applyFont="1" applyBorder="1" applyAlignment="1">
      <alignment horizontal="left" shrinkToFit="1"/>
    </xf>
    <xf numFmtId="176" fontId="10" fillId="0" borderId="10" xfId="5" applyNumberFormat="1" applyFont="1" applyBorder="1" applyAlignment="1">
      <alignment wrapText="1"/>
    </xf>
    <xf numFmtId="176" fontId="10" fillId="0" borderId="15" xfId="5" applyNumberFormat="1" applyFont="1" applyBorder="1" applyAlignment="1">
      <alignment shrinkToFit="1"/>
    </xf>
    <xf numFmtId="176" fontId="10" fillId="0" borderId="10" xfId="5" applyNumberFormat="1" applyFont="1" applyBorder="1" applyAlignment="1">
      <alignment shrinkToFit="1"/>
    </xf>
    <xf numFmtId="177" fontId="10" fillId="0" borderId="19" xfId="5" applyNumberFormat="1" applyFont="1" applyBorder="1"/>
    <xf numFmtId="176" fontId="10" fillId="0" borderId="19" xfId="5" applyNumberFormat="1" applyFont="1" applyBorder="1" applyAlignment="1">
      <alignment shrinkToFit="1"/>
    </xf>
    <xf numFmtId="176" fontId="10" fillId="0" borderId="7" xfId="5" applyNumberFormat="1" applyFont="1" applyBorder="1" applyAlignment="1">
      <alignment wrapText="1"/>
    </xf>
    <xf numFmtId="176" fontId="10" fillId="0" borderId="9" xfId="5" applyNumberFormat="1" applyFont="1" applyBorder="1" applyAlignment="1">
      <alignment shrinkToFit="1"/>
    </xf>
    <xf numFmtId="176" fontId="10" fillId="0" borderId="11" xfId="5" applyNumberFormat="1" applyFont="1" applyBorder="1" applyAlignment="1">
      <alignment horizontal="center" wrapText="1"/>
    </xf>
    <xf numFmtId="176" fontId="10" fillId="0" borderId="9" xfId="5" applyNumberFormat="1" applyFont="1" applyBorder="1" applyAlignment="1">
      <alignment horizontal="left" shrinkToFit="1"/>
    </xf>
    <xf numFmtId="176" fontId="10" fillId="0" borderId="0" xfId="5" applyNumberFormat="1" applyFont="1" applyAlignment="1">
      <alignment horizontal="left" shrinkToFit="1"/>
    </xf>
    <xf numFmtId="176" fontId="10" fillId="0" borderId="16" xfId="5" applyNumberFormat="1" applyFont="1" applyBorder="1" applyAlignment="1">
      <alignment horizontal="center" wrapText="1"/>
    </xf>
    <xf numFmtId="176" fontId="10" fillId="0" borderId="2" xfId="5" applyNumberFormat="1" applyFont="1" applyBorder="1" applyAlignment="1">
      <alignment wrapText="1"/>
    </xf>
    <xf numFmtId="176" fontId="10" fillId="0" borderId="16" xfId="5" applyNumberFormat="1" applyFont="1" applyBorder="1" applyAlignment="1">
      <alignment shrinkToFit="1"/>
    </xf>
    <xf numFmtId="177" fontId="10" fillId="0" borderId="16" xfId="5" applyNumberFormat="1" applyFont="1" applyBorder="1"/>
    <xf numFmtId="176" fontId="10" fillId="0" borderId="15" xfId="5" applyNumberFormat="1" applyFont="1" applyBorder="1" applyAlignment="1">
      <alignment wrapText="1"/>
    </xf>
    <xf numFmtId="176" fontId="10" fillId="0" borderId="14" xfId="5" applyNumberFormat="1" applyFont="1" applyBorder="1" applyAlignment="1">
      <alignment horizontal="center" wrapText="1"/>
    </xf>
    <xf numFmtId="176" fontId="10" fillId="0" borderId="5" xfId="5" applyNumberFormat="1" applyFont="1" applyBorder="1" applyAlignment="1">
      <alignment wrapText="1"/>
    </xf>
    <xf numFmtId="176" fontId="13" fillId="0" borderId="13" xfId="5" applyNumberFormat="1" applyFont="1" applyBorder="1" applyAlignment="1">
      <alignment shrinkToFit="1"/>
    </xf>
    <xf numFmtId="176" fontId="10" fillId="0" borderId="5" xfId="5" applyNumberFormat="1" applyFont="1" applyBorder="1" applyAlignment="1">
      <alignment shrinkToFit="1"/>
    </xf>
    <xf numFmtId="176" fontId="10" fillId="0" borderId="2" xfId="5" applyNumberFormat="1" applyFont="1" applyBorder="1" applyAlignment="1">
      <alignment horizontal="center"/>
    </xf>
  </cellXfs>
  <cellStyles count="6">
    <cellStyle name="桁区切り 2" xfId="1" xr:uid="{00000000-0005-0000-0000-000000000000}"/>
    <cellStyle name="標準" xfId="0" builtinId="0"/>
    <cellStyle name="標準 2" xfId="2" xr:uid="{00000000-0005-0000-0000-000002000000}"/>
    <cellStyle name="標準 3" xfId="3" xr:uid="{00000000-0005-0000-0000-000003000000}"/>
    <cellStyle name="標準 4" xfId="5" xr:uid="{4DE46318-564F-42EB-A7BD-D572F502A99F}"/>
    <cellStyle name="標準 5" xfId="4" xr:uid="{00000000-0005-0000-0000-000004000000}"/>
  </cellStyles>
  <dxfs count="13">
    <dxf>
      <font>
        <color indexed="9"/>
      </font>
    </dxf>
    <dxf>
      <font>
        <color indexed="9"/>
      </font>
    </dxf>
    <dxf>
      <font>
        <color indexed="9"/>
      </font>
    </dxf>
    <dxf>
      <font>
        <color indexed="9"/>
      </font>
    </dxf>
    <dxf>
      <font>
        <b val="0"/>
        <i val="0"/>
        <condense val="0"/>
        <extend val="0"/>
        <sz val="11"/>
        <color indexed="9"/>
      </font>
    </dxf>
    <dxf>
      <font>
        <b val="0"/>
        <i val="0"/>
        <condense val="0"/>
        <extend val="0"/>
        <sz val="11"/>
        <color indexed="9"/>
      </font>
    </dxf>
    <dxf>
      <font>
        <color indexed="9"/>
      </font>
    </dxf>
    <dxf>
      <font>
        <color indexed="9"/>
      </font>
    </dxf>
    <dxf>
      <font>
        <color indexed="9"/>
      </font>
    </dxf>
    <dxf>
      <font>
        <color indexed="9"/>
      </font>
    </dxf>
    <dxf>
      <font>
        <color indexed="9"/>
      </font>
    </dxf>
    <dxf>
      <font>
        <color indexed="9"/>
      </font>
    </dxf>
    <dxf>
      <font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056595</xdr:colOff>
      <xdr:row>15</xdr:row>
      <xdr:rowOff>17890</xdr:rowOff>
    </xdr:from>
    <xdr:to>
      <xdr:col>2</xdr:col>
      <xdr:colOff>1121696</xdr:colOff>
      <xdr:row>20</xdr:row>
      <xdr:rowOff>131196</xdr:rowOff>
    </xdr:to>
    <xdr:sp macro="" textlink="">
      <xdr:nvSpPr>
        <xdr:cNvPr id="2" name="右中かっこ 1">
          <a:extLst>
            <a:ext uri="{FF2B5EF4-FFF2-40B4-BE49-F238E27FC236}">
              <a16:creationId xmlns:a16="http://schemas.microsoft.com/office/drawing/2014/main" id="{BF86860E-AE79-4D96-B93B-648382D66CC6}"/>
            </a:ext>
          </a:extLst>
        </xdr:cNvPr>
        <xdr:cNvSpPr/>
      </xdr:nvSpPr>
      <xdr:spPr bwMode="auto">
        <a:xfrm>
          <a:off x="1780495" y="2180065"/>
          <a:ext cx="65101" cy="875306"/>
        </a:xfrm>
        <a:prstGeom prst="rightBrace">
          <a:avLst/>
        </a:prstGeom>
        <a:noFill/>
        <a:ln w="6350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1157655</xdr:colOff>
      <xdr:row>17</xdr:row>
      <xdr:rowOff>68432</xdr:rowOff>
    </xdr:from>
    <xdr:to>
      <xdr:col>2</xdr:col>
      <xdr:colOff>1359291</xdr:colOff>
      <xdr:row>18</xdr:row>
      <xdr:rowOff>98767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1F6F3E4B-9E2A-4433-9D3F-6477015162C1}"/>
            </a:ext>
          </a:extLst>
        </xdr:cNvPr>
        <xdr:cNvSpPr txBox="1"/>
      </xdr:nvSpPr>
      <xdr:spPr>
        <a:xfrm>
          <a:off x="1881555" y="2535407"/>
          <a:ext cx="201636" cy="182735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lIns="0" tIns="0" rIns="0" bIns="0" rtlCol="0" anchor="ctr"/>
        <a:lstStyle/>
        <a:p>
          <a:pPr algn="l"/>
          <a:r>
            <a:rPr kumimoji="1" lang="ja-JP" altLang="en-US" sz="900">
              <a:latin typeface="ＭＳ Ｐ明朝" panose="02020600040205080304" pitchFamily="18" charset="-128"/>
              <a:ea typeface="ＭＳ Ｐ明朝" panose="02020600040205080304" pitchFamily="18" charset="-128"/>
            </a:rPr>
            <a:t>注</a:t>
          </a:r>
          <a:r>
            <a:rPr kumimoji="1" lang="en-US" altLang="ja-JP" sz="900">
              <a:latin typeface="ＭＳ Ｐ明朝" panose="02020600040205080304" pitchFamily="18" charset="-128"/>
              <a:ea typeface="ＭＳ Ｐ明朝" panose="02020600040205080304" pitchFamily="18" charset="-128"/>
            </a:rPr>
            <a:t>3</a:t>
          </a:r>
          <a:endParaRPr kumimoji="1" lang="ja-JP" altLang="en-US" sz="900">
            <a:latin typeface="ＭＳ Ｐ明朝" panose="02020600040205080304" pitchFamily="18" charset="-128"/>
            <a:ea typeface="ＭＳ Ｐ明朝" panose="02020600040205080304" pitchFamily="18" charset="-128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057275</xdr:colOff>
      <xdr:row>15</xdr:row>
      <xdr:rowOff>17780</xdr:rowOff>
    </xdr:from>
    <xdr:to>
      <xdr:col>2</xdr:col>
      <xdr:colOff>1121410</xdr:colOff>
      <xdr:row>20</xdr:row>
      <xdr:rowOff>131445</xdr:rowOff>
    </xdr:to>
    <xdr:sp macro="" textlink="">
      <xdr:nvSpPr>
        <xdr:cNvPr id="2" name="右中かっこ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1781175" y="2182495"/>
          <a:ext cx="64135" cy="875665"/>
        </a:xfrm>
        <a:prstGeom prst="rightBrace">
          <a:avLst/>
        </a:prstGeom>
        <a:noFill/>
        <a:ln w="6350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overflow" wrap="square" lIns="18288" tIns="0" rIns="0" bIns="0" rtlCol="0" anchor="ctr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1158240</xdr:colOff>
      <xdr:row>17</xdr:row>
      <xdr:rowOff>68580</xdr:rowOff>
    </xdr:from>
    <xdr:to>
      <xdr:col>2</xdr:col>
      <xdr:colOff>1359535</xdr:colOff>
      <xdr:row>18</xdr:row>
      <xdr:rowOff>99060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 txBox="1"/>
      </xdr:nvSpPr>
      <xdr:spPr>
        <a:xfrm>
          <a:off x="1882140" y="2538095"/>
          <a:ext cx="201295" cy="182880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dk1"/>
        </a:fontRef>
      </xdr:style>
      <xdr:txBody>
        <a:bodyPr vertOverflow="clip" horzOverflow="clip" wrap="square" lIns="0" tIns="0" rIns="0" bIns="0" rtlCol="0" anchor="ctr"/>
        <a:lstStyle/>
        <a:p>
          <a:pPr algn="l"/>
          <a:r>
            <a:rPr kumimoji="1" lang="ja-JP" altLang="en-US" sz="900">
              <a:latin typeface="ＭＳ Ｐ明朝"/>
              <a:ea typeface="ＭＳ Ｐ明朝"/>
            </a:rPr>
            <a:t>注</a:t>
          </a:r>
          <a:r>
            <a:rPr kumimoji="1" lang="en-US" altLang="ja-JP" sz="900">
              <a:latin typeface="ＭＳ Ｐ明朝"/>
              <a:ea typeface="ＭＳ Ｐ明朝"/>
            </a:rPr>
            <a:t>3</a:t>
          </a:r>
          <a:endParaRPr kumimoji="1" lang="ja-JP" altLang="en-US" sz="900">
            <a:latin typeface="ＭＳ Ｐ明朝"/>
            <a:ea typeface="ＭＳ Ｐ明朝"/>
          </a:endParaRP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pn-fsv-02\share\Documents%20and%20Settings\kawata-kouji\&#12487;&#12473;&#12463;&#12488;&#12483;&#12503;\&#35251;&#20809;&#22320;&#28857;&#35519;&#26619;_&#36861;&#21152;&#65288;&#24859;&#23195;&#30476;&#65289;\&#65393;&#65437;&#65401;&#65392;&#65412;&#22238;&#31572;\&#31070;&#23713;&#12288;&#20837;&#36796;&#23458;&#25968;&#12398;&#25226;&#25569;&#25163;&#27861;&#12395;&#38306;&#12377;&#12427;&#12450;&#12531;&#12465;&#12540;&#12488;&#35519;&#26619;&#65288;&#20185;&#21271;&#65289;(1)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pn-fsv-02\share\Documents%20and%20Settings\kawata-kouji\&#12487;&#12473;&#12463;&#12488;&#12483;&#12503;\&#35251;&#20809;&#22320;&#28857;&#35519;&#26619;_&#36861;&#21152;&#65288;&#24859;&#23195;&#30476;&#65289;\&#65393;&#65437;&#65401;&#65392;&#65412;&#22238;&#31572;\36_&#24499;&#23798;&#30476;&#65288;&#26283;&#23450;&#29256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pn-fsv-02\share\Documents%20and%20Settings\kawata-kouji\&#12487;&#12473;&#12463;&#12488;&#12483;&#12503;\&#35251;&#20809;&#22320;&#28857;&#35519;&#26619;_&#36861;&#21152;&#65288;&#24859;&#23195;&#30476;&#65289;\&#65393;&#65437;&#65401;&#65392;&#65412;&#22238;&#31572;\05_&#31179;&#30000;&#30476;&#65288;&#26283;&#23450;&#29256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"/>
      <sheetName val="記入例"/>
      <sheetName val="プルダウンリスト"/>
    </sheetNames>
    <sheetDataSet>
      <sheetData sheetId="0"/>
      <sheetData sheetId="1"/>
      <sheetData sheetId="2">
        <row r="3">
          <cell r="B3" t="str">
            <v>自然</v>
          </cell>
        </row>
        <row r="4">
          <cell r="B4" t="str">
            <v>歴史</v>
          </cell>
        </row>
        <row r="5">
          <cell r="B5" t="str">
            <v>都市・買物</v>
          </cell>
        </row>
        <row r="6">
          <cell r="B6" t="str">
            <v>観覧施設</v>
          </cell>
        </row>
        <row r="7">
          <cell r="B7" t="str">
            <v>ｽﾎﾟｰﾂ・ﾚｸﾘｴｰｼｮﾝ</v>
          </cell>
        </row>
        <row r="8">
          <cell r="B8" t="str">
            <v>温泉・健康等</v>
          </cell>
        </row>
        <row r="9">
          <cell r="B9" t="str">
            <v>行祭事・ｲﾍﾞﾝﾄ</v>
          </cell>
        </row>
        <row r="10">
          <cell r="B10" t="str">
            <v>その他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"/>
      <sheetName val="記入例"/>
      <sheetName val="プルダウンリスト"/>
    </sheetNames>
    <sheetDataSet>
      <sheetData sheetId="0"/>
      <sheetData sheetId="1"/>
      <sheetData sheetId="2">
        <row r="3">
          <cell r="I3" t="str">
            <v>○</v>
          </cell>
        </row>
        <row r="4">
          <cell r="I4" t="str">
            <v>×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"/>
      <sheetName val="記入例"/>
      <sheetName val="プルダウンリスト"/>
    </sheetNames>
    <sheetDataSet>
      <sheetData sheetId="0"/>
      <sheetData sheetId="1"/>
      <sheetData sheetId="2">
        <row r="3">
          <cell r="B3" t="str">
            <v>自然</v>
          </cell>
          <cell r="C3" t="str">
            <v>北海道</v>
          </cell>
          <cell r="D3" t="str">
            <v>有料</v>
          </cell>
          <cell r="E3" t="str">
            <v>施設管理者</v>
          </cell>
          <cell r="F3" t="str">
            <v>実数</v>
          </cell>
          <cell r="G3" t="str">
            <v>平成１８年</v>
          </cell>
          <cell r="H3" t="str">
            <v>人</v>
          </cell>
          <cell r="I3" t="str">
            <v>○</v>
          </cell>
          <cell r="J3" t="str">
            <v>人</v>
          </cell>
          <cell r="K3" t="str">
            <v>月別入込者数を月毎に提供</v>
          </cell>
        </row>
        <row r="4">
          <cell r="B4" t="str">
            <v>歴史</v>
          </cell>
          <cell r="C4" t="str">
            <v>青森県</v>
          </cell>
          <cell r="D4" t="str">
            <v>無料</v>
          </cell>
          <cell r="E4" t="str">
            <v>市町村</v>
          </cell>
          <cell r="F4" t="str">
            <v>推定数</v>
          </cell>
          <cell r="G4" t="str">
            <v>平成１８年度</v>
          </cell>
          <cell r="H4" t="str">
            <v>十人</v>
          </cell>
          <cell r="I4" t="str">
            <v>×</v>
          </cell>
          <cell r="J4" t="str">
            <v>十人</v>
          </cell>
          <cell r="K4" t="str">
            <v>月別入込者数を四半期毎にまとめて提供</v>
          </cell>
        </row>
        <row r="5">
          <cell r="B5" t="str">
            <v>都市・買物</v>
          </cell>
          <cell r="C5" t="str">
            <v>岩手県</v>
          </cell>
          <cell r="E5" t="str">
            <v>館長</v>
          </cell>
          <cell r="F5" t="str">
            <v>不明</v>
          </cell>
          <cell r="G5" t="str">
            <v>平成１９年</v>
          </cell>
          <cell r="H5" t="str">
            <v>百人</v>
          </cell>
          <cell r="J5" t="str">
            <v>百人</v>
          </cell>
          <cell r="K5" t="str">
            <v>月別入込者数を１年分(1月～12月)まとめて提供</v>
          </cell>
        </row>
        <row r="6">
          <cell r="B6" t="str">
            <v>観覧施設</v>
          </cell>
          <cell r="C6" t="str">
            <v>宮城県</v>
          </cell>
          <cell r="E6" t="str">
            <v>工場長</v>
          </cell>
          <cell r="G6" t="str">
            <v>平成１９年度</v>
          </cell>
          <cell r="H6" t="str">
            <v>千人</v>
          </cell>
          <cell r="J6" t="str">
            <v>千人</v>
          </cell>
          <cell r="K6" t="str">
            <v>月別入込者数を１年度分(4月～翌年3月)まとめて提供</v>
          </cell>
        </row>
        <row r="7">
          <cell r="B7" t="str">
            <v>ｽﾎﾟｰﾂ・ﾚｸﾘｴｰｼｮﾝ</v>
          </cell>
          <cell r="C7" t="str">
            <v>秋田県</v>
          </cell>
          <cell r="E7" t="str">
            <v>経営者</v>
          </cell>
          <cell r="G7" t="str">
            <v>平成２０年</v>
          </cell>
          <cell r="H7" t="str">
            <v>万人</v>
          </cell>
          <cell r="J7" t="str">
            <v>万人</v>
          </cell>
          <cell r="K7" t="str">
            <v>四半期別入込者数を四半期毎に提供</v>
          </cell>
        </row>
        <row r="8">
          <cell r="B8" t="str">
            <v>温泉・健康等</v>
          </cell>
          <cell r="C8" t="str">
            <v>山形県</v>
          </cell>
          <cell r="E8" t="str">
            <v>道路管理者</v>
          </cell>
          <cell r="K8" t="str">
            <v>四半期別入込者数を１年分(1月～12月)まとめて提供</v>
          </cell>
        </row>
        <row r="9">
          <cell r="B9" t="str">
            <v>行祭事・ｲﾍﾞﾝﾄ</v>
          </cell>
          <cell r="C9" t="str">
            <v xml:space="preserve">福島県 </v>
          </cell>
          <cell r="E9" t="str">
            <v>主催者</v>
          </cell>
          <cell r="K9" t="str">
            <v>四半期別入込者数を１年分(4月～翌年3月)まとめて提供</v>
          </cell>
        </row>
        <row r="10">
          <cell r="B10" t="str">
            <v>その他</v>
          </cell>
          <cell r="C10" t="str">
            <v>茨城県</v>
          </cell>
          <cell r="E10" t="str">
            <v>実行委員会</v>
          </cell>
          <cell r="K10" t="str">
            <v>年間(1月～12月)の入込者数を年１回提供</v>
          </cell>
        </row>
        <row r="11">
          <cell r="C11" t="str">
            <v>栃木県</v>
          </cell>
          <cell r="E11" t="str">
            <v>警察</v>
          </cell>
          <cell r="K11" t="str">
            <v>年間(4月～翌年3月)の入込者数を年１回提供</v>
          </cell>
        </row>
        <row r="12">
          <cell r="C12" t="str">
            <v>群馬県</v>
          </cell>
          <cell r="E12" t="str">
            <v>その他</v>
          </cell>
          <cell r="K12" t="str">
            <v>その他</v>
          </cell>
        </row>
        <row r="13">
          <cell r="C13" t="str">
            <v>埼玉県</v>
          </cell>
        </row>
        <row r="14">
          <cell r="C14" t="str">
            <v>千葉県</v>
          </cell>
        </row>
        <row r="15">
          <cell r="C15" t="str">
            <v>東京都</v>
          </cell>
        </row>
        <row r="16">
          <cell r="C16" t="str">
            <v xml:space="preserve">神奈川県 </v>
          </cell>
        </row>
        <row r="17">
          <cell r="C17" t="str">
            <v>新潟県</v>
          </cell>
        </row>
        <row r="18">
          <cell r="C18" t="str">
            <v>富山県</v>
          </cell>
        </row>
        <row r="19">
          <cell r="C19" t="str">
            <v>石川県</v>
          </cell>
        </row>
        <row r="20">
          <cell r="C20" t="str">
            <v>福井県</v>
          </cell>
        </row>
        <row r="21">
          <cell r="C21" t="str">
            <v>山梨県</v>
          </cell>
        </row>
        <row r="22">
          <cell r="C22" t="str">
            <v>長野県</v>
          </cell>
        </row>
        <row r="23">
          <cell r="C23" t="str">
            <v>岐阜県</v>
          </cell>
        </row>
        <row r="24">
          <cell r="C24" t="str">
            <v>静岡県</v>
          </cell>
        </row>
        <row r="25">
          <cell r="C25" t="str">
            <v xml:space="preserve">愛知県 </v>
          </cell>
        </row>
        <row r="26">
          <cell r="C26" t="str">
            <v>三重県</v>
          </cell>
        </row>
        <row r="27">
          <cell r="C27" t="str">
            <v>滋賀県</v>
          </cell>
        </row>
        <row r="28">
          <cell r="C28" t="str">
            <v>京都府</v>
          </cell>
        </row>
        <row r="29">
          <cell r="C29" t="str">
            <v>大阪府</v>
          </cell>
        </row>
        <row r="30">
          <cell r="C30" t="str">
            <v>兵庫県</v>
          </cell>
        </row>
        <row r="31">
          <cell r="C31" t="str">
            <v>奈良県</v>
          </cell>
        </row>
        <row r="32">
          <cell r="C32" t="str">
            <v xml:space="preserve">和歌山県 </v>
          </cell>
        </row>
        <row r="33">
          <cell r="C33" t="str">
            <v>鳥取県</v>
          </cell>
        </row>
        <row r="34">
          <cell r="C34" t="str">
            <v>島根県</v>
          </cell>
        </row>
        <row r="35">
          <cell r="C35" t="str">
            <v>岡山県</v>
          </cell>
        </row>
        <row r="36">
          <cell r="C36" t="str">
            <v>広島県</v>
          </cell>
        </row>
        <row r="37">
          <cell r="C37" t="str">
            <v>山口県</v>
          </cell>
        </row>
        <row r="38">
          <cell r="C38" t="str">
            <v>徳島県</v>
          </cell>
        </row>
        <row r="39">
          <cell r="C39" t="str">
            <v>香川県</v>
          </cell>
        </row>
        <row r="40">
          <cell r="C40" t="str">
            <v>愛媛県</v>
          </cell>
        </row>
        <row r="41">
          <cell r="C41" t="str">
            <v xml:space="preserve">高知県 </v>
          </cell>
        </row>
        <row r="42">
          <cell r="C42" t="str">
            <v>福岡県</v>
          </cell>
        </row>
        <row r="43">
          <cell r="C43" t="str">
            <v>佐賀県</v>
          </cell>
        </row>
        <row r="44">
          <cell r="C44" t="str">
            <v>長崎県</v>
          </cell>
        </row>
        <row r="45">
          <cell r="C45" t="str">
            <v>熊本県</v>
          </cell>
        </row>
        <row r="46">
          <cell r="C46" t="str">
            <v>大分県</v>
          </cell>
        </row>
        <row r="47">
          <cell r="C47" t="str">
            <v>宮崎県</v>
          </cell>
        </row>
        <row r="48">
          <cell r="C48" t="str">
            <v>鹿児島県</v>
          </cell>
        </row>
        <row r="49">
          <cell r="C49" t="str">
            <v xml:space="preserve">沖縄県 </v>
          </cell>
        </row>
      </sheetData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EC6C90B-AF38-4FAD-A1EE-F916AE4AEE34}">
  <sheetPr>
    <pageSetUpPr fitToPage="1"/>
  </sheetPr>
  <dimension ref="A1:J41"/>
  <sheetViews>
    <sheetView tabSelected="1" workbookViewId="0">
      <selection activeCell="C10" sqref="C10"/>
    </sheetView>
  </sheetViews>
  <sheetFormatPr defaultColWidth="9" defaultRowHeight="12" customHeight="1" x14ac:dyDescent="0.15"/>
  <cols>
    <col min="1" max="1" width="8.625" style="1" customWidth="1"/>
    <col min="2" max="2" width="0.875" style="1" customWidth="1"/>
    <col min="3" max="3" width="20.625" style="1" customWidth="1"/>
    <col min="4" max="4" width="0.875" style="1" customWidth="1"/>
    <col min="5" max="5" width="14.625" style="1" customWidth="1"/>
    <col min="6" max="6" width="0.875" style="1" customWidth="1"/>
    <col min="7" max="7" width="14.625" style="1" customWidth="1"/>
    <col min="8" max="8" width="10.625" style="1" customWidth="1"/>
    <col min="9" max="10" width="30.625" style="1" customWidth="1"/>
    <col min="11" max="11" width="9" style="1" customWidth="1"/>
    <col min="12" max="16384" width="9" style="1"/>
  </cols>
  <sheetData>
    <row r="1" spans="1:10" ht="12" customHeight="1" x14ac:dyDescent="0.15">
      <c r="A1" s="1" t="s">
        <v>0</v>
      </c>
    </row>
    <row r="2" spans="1:10" ht="12" customHeight="1" x14ac:dyDescent="0.15">
      <c r="A2" s="73" t="s">
        <v>64</v>
      </c>
      <c r="B2" s="73"/>
      <c r="C2" s="73"/>
      <c r="D2" s="73"/>
      <c r="E2" s="73"/>
      <c r="F2" s="73"/>
      <c r="G2" s="73"/>
      <c r="H2" s="73"/>
      <c r="I2" s="73"/>
      <c r="J2" s="73"/>
    </row>
    <row r="3" spans="1:10" ht="12" customHeight="1" x14ac:dyDescent="0.15">
      <c r="A3" s="3"/>
      <c r="B3" s="74" t="s">
        <v>65</v>
      </c>
      <c r="C3" s="74"/>
      <c r="D3" s="74"/>
      <c r="E3" s="74"/>
      <c r="F3" s="74"/>
      <c r="G3" s="74"/>
      <c r="H3" s="3"/>
      <c r="I3" s="3"/>
      <c r="J3" s="58" t="s">
        <v>66</v>
      </c>
    </row>
    <row r="4" spans="1:10" s="2" customFormat="1" ht="12" customHeight="1" x14ac:dyDescent="0.15">
      <c r="A4" s="75" t="s">
        <v>6</v>
      </c>
      <c r="B4" s="75"/>
      <c r="C4" s="75"/>
      <c r="D4" s="29"/>
      <c r="E4" s="35" t="s">
        <v>67</v>
      </c>
      <c r="F4" s="29"/>
      <c r="G4" s="35" t="s">
        <v>68</v>
      </c>
      <c r="H4" s="4" t="s">
        <v>69</v>
      </c>
      <c r="I4" s="4" t="s">
        <v>70</v>
      </c>
      <c r="J4" s="4" t="s">
        <v>8</v>
      </c>
    </row>
    <row r="5" spans="1:10" ht="12" customHeight="1" x14ac:dyDescent="0.15">
      <c r="A5" s="72" t="s">
        <v>9</v>
      </c>
      <c r="B5" s="72"/>
      <c r="C5" s="72"/>
      <c r="D5" s="15"/>
      <c r="E5" s="36">
        <v>1212212</v>
      </c>
      <c r="F5" s="15"/>
      <c r="G5" s="36">
        <v>1386112</v>
      </c>
      <c r="H5" s="50">
        <v>0.8745411626188937</v>
      </c>
      <c r="I5" s="16" t="s">
        <v>2</v>
      </c>
      <c r="J5" s="16"/>
    </row>
    <row r="6" spans="1:10" ht="12" customHeight="1" x14ac:dyDescent="0.15">
      <c r="A6" s="5"/>
      <c r="B6" s="9"/>
      <c r="C6" s="17" t="s">
        <v>15</v>
      </c>
      <c r="D6" s="9"/>
      <c r="E6" s="37">
        <v>313506</v>
      </c>
      <c r="F6" s="9"/>
      <c r="G6" s="37">
        <v>338122</v>
      </c>
      <c r="H6" s="51">
        <v>0.92719787532310827</v>
      </c>
      <c r="I6" s="37" t="s">
        <v>1</v>
      </c>
      <c r="J6" s="37"/>
    </row>
    <row r="7" spans="1:10" ht="12" customHeight="1" x14ac:dyDescent="0.15">
      <c r="A7" s="6"/>
      <c r="B7" s="9"/>
      <c r="C7" s="18" t="s">
        <v>13</v>
      </c>
      <c r="D7" s="9"/>
      <c r="E7" s="38">
        <v>147878</v>
      </c>
      <c r="F7" s="9"/>
      <c r="G7" s="38">
        <v>165521</v>
      </c>
      <c r="H7" s="52">
        <v>0.89340929549724812</v>
      </c>
      <c r="I7" s="38" t="s">
        <v>7</v>
      </c>
      <c r="J7" s="38"/>
    </row>
    <row r="8" spans="1:10" ht="12" customHeight="1" x14ac:dyDescent="0.15">
      <c r="A8" s="6"/>
      <c r="B8" s="9"/>
      <c r="C8" s="18" t="s">
        <v>16</v>
      </c>
      <c r="D8" s="9"/>
      <c r="E8" s="38">
        <v>169405</v>
      </c>
      <c r="F8" s="9"/>
      <c r="G8" s="38">
        <v>210288</v>
      </c>
      <c r="H8" s="52">
        <v>0.80558567298181538</v>
      </c>
      <c r="I8" s="38" t="s">
        <v>7</v>
      </c>
      <c r="J8" s="38"/>
    </row>
    <row r="9" spans="1:10" ht="12" customHeight="1" x14ac:dyDescent="0.15">
      <c r="A9" s="6" t="s">
        <v>18</v>
      </c>
      <c r="B9" s="9"/>
      <c r="C9" s="18" t="s">
        <v>19</v>
      </c>
      <c r="D9" s="9"/>
      <c r="E9" s="38">
        <v>64033</v>
      </c>
      <c r="F9" s="9"/>
      <c r="G9" s="38">
        <v>58581</v>
      </c>
      <c r="H9" s="52">
        <v>1.0930677182021475</v>
      </c>
      <c r="I9" s="38" t="s">
        <v>7</v>
      </c>
      <c r="J9" s="38"/>
    </row>
    <row r="10" spans="1:10" ht="12" customHeight="1" x14ac:dyDescent="0.15">
      <c r="A10" s="6" t="s">
        <v>20</v>
      </c>
      <c r="B10" s="9"/>
      <c r="C10" s="18" t="s">
        <v>21</v>
      </c>
      <c r="D10" s="9"/>
      <c r="E10" s="38">
        <v>18524</v>
      </c>
      <c r="F10" s="9"/>
      <c r="G10" s="38">
        <v>53674</v>
      </c>
      <c r="H10" s="52">
        <v>0.34512054253456048</v>
      </c>
      <c r="I10" s="38" t="s">
        <v>7</v>
      </c>
      <c r="J10" s="38"/>
    </row>
    <row r="11" spans="1:10" ht="12" customHeight="1" x14ac:dyDescent="0.15">
      <c r="A11" s="6"/>
      <c r="B11" s="9"/>
      <c r="C11" s="18" t="s">
        <v>17</v>
      </c>
      <c r="D11" s="9"/>
      <c r="E11" s="38">
        <v>498866</v>
      </c>
      <c r="F11" s="9"/>
      <c r="G11" s="38">
        <v>559926</v>
      </c>
      <c r="H11" s="52">
        <v>0.89094987551926508</v>
      </c>
      <c r="I11" s="38" t="s">
        <v>7</v>
      </c>
      <c r="J11" s="38"/>
    </row>
    <row r="12" spans="1:10" ht="12" customHeight="1" x14ac:dyDescent="0.15">
      <c r="A12" s="6"/>
      <c r="B12" s="9"/>
      <c r="C12" s="18" t="s">
        <v>11</v>
      </c>
      <c r="D12" s="9"/>
      <c r="E12" s="38">
        <v>0</v>
      </c>
      <c r="F12" s="9"/>
      <c r="G12" s="38">
        <v>0</v>
      </c>
      <c r="H12" s="52" t="s">
        <v>63</v>
      </c>
      <c r="I12" s="38" t="s">
        <v>7</v>
      </c>
      <c r="J12" s="38"/>
    </row>
    <row r="13" spans="1:10" ht="12" customHeight="1" thickBot="1" x14ac:dyDescent="0.2">
      <c r="A13" s="7"/>
      <c r="B13" s="11"/>
      <c r="C13" s="19" t="s">
        <v>22</v>
      </c>
      <c r="D13" s="11"/>
      <c r="E13" s="39">
        <v>0</v>
      </c>
      <c r="F13" s="11"/>
      <c r="G13" s="39">
        <v>0</v>
      </c>
      <c r="H13" s="53" t="s">
        <v>63</v>
      </c>
      <c r="I13" s="39" t="s">
        <v>7</v>
      </c>
      <c r="J13" s="39"/>
    </row>
    <row r="14" spans="1:10" ht="12" customHeight="1" thickTop="1" x14ac:dyDescent="0.15">
      <c r="A14" s="6"/>
      <c r="B14" s="15"/>
      <c r="C14" s="24" t="s">
        <v>52</v>
      </c>
      <c r="D14" s="15"/>
      <c r="E14" s="40">
        <v>302756</v>
      </c>
      <c r="F14" s="15"/>
      <c r="G14" s="40">
        <v>318928</v>
      </c>
      <c r="H14" s="50">
        <v>0.94929263031154365</v>
      </c>
      <c r="I14" s="48" t="s">
        <v>24</v>
      </c>
      <c r="J14" s="48"/>
    </row>
    <row r="15" spans="1:10" ht="12" customHeight="1" x14ac:dyDescent="0.15">
      <c r="A15" s="6"/>
      <c r="B15" s="9"/>
      <c r="C15" s="25" t="s">
        <v>71</v>
      </c>
      <c r="D15" s="30"/>
      <c r="E15" s="37">
        <v>234936</v>
      </c>
      <c r="F15" s="45"/>
      <c r="G15" s="37">
        <v>231942</v>
      </c>
      <c r="H15" s="51">
        <v>1.0129083995136716</v>
      </c>
      <c r="I15" s="37" t="s">
        <v>44</v>
      </c>
      <c r="J15" s="37"/>
    </row>
    <row r="16" spans="1:10" ht="12" customHeight="1" x14ac:dyDescent="0.15">
      <c r="A16" s="6" t="s">
        <v>23</v>
      </c>
      <c r="B16" s="9"/>
      <c r="C16" s="18" t="s">
        <v>72</v>
      </c>
      <c r="D16" s="30"/>
      <c r="E16" s="38">
        <v>0</v>
      </c>
      <c r="F16" s="45"/>
      <c r="G16" s="38">
        <v>0</v>
      </c>
      <c r="H16" s="52" t="s">
        <v>63</v>
      </c>
      <c r="I16" s="38" t="s">
        <v>7</v>
      </c>
      <c r="J16" s="38"/>
    </row>
    <row r="17" spans="1:10" ht="12" customHeight="1" x14ac:dyDescent="0.15">
      <c r="A17" s="6" t="s">
        <v>26</v>
      </c>
      <c r="B17" s="9"/>
      <c r="C17" s="18" t="s">
        <v>73</v>
      </c>
      <c r="D17" s="30"/>
      <c r="E17" s="38">
        <v>13136</v>
      </c>
      <c r="F17" s="45"/>
      <c r="G17" s="38">
        <v>37494</v>
      </c>
      <c r="H17" s="52">
        <v>0.35034938923561104</v>
      </c>
      <c r="I17" s="38" t="s">
        <v>7</v>
      </c>
      <c r="J17" s="38"/>
    </row>
    <row r="18" spans="1:10" ht="12" customHeight="1" x14ac:dyDescent="0.15">
      <c r="A18" s="6" t="s">
        <v>20</v>
      </c>
      <c r="B18" s="9"/>
      <c r="C18" s="18" t="s">
        <v>74</v>
      </c>
      <c r="D18" s="30"/>
      <c r="E18" s="38">
        <v>0</v>
      </c>
      <c r="F18" s="45"/>
      <c r="G18" s="38">
        <v>0</v>
      </c>
      <c r="H18" s="52" t="s">
        <v>63</v>
      </c>
      <c r="I18" s="38" t="s">
        <v>7</v>
      </c>
      <c r="J18" s="38"/>
    </row>
    <row r="19" spans="1:10" ht="12" customHeight="1" x14ac:dyDescent="0.15">
      <c r="A19" s="6"/>
      <c r="B19" s="9"/>
      <c r="C19" s="18" t="s">
        <v>75</v>
      </c>
      <c r="D19" s="30"/>
      <c r="E19" s="38">
        <v>31057</v>
      </c>
      <c r="F19" s="45"/>
      <c r="G19" s="38">
        <v>29455</v>
      </c>
      <c r="H19" s="52">
        <v>1.0543880495671363</v>
      </c>
      <c r="I19" s="38" t="s">
        <v>7</v>
      </c>
      <c r="J19" s="38"/>
    </row>
    <row r="20" spans="1:10" ht="12" customHeight="1" x14ac:dyDescent="0.15">
      <c r="A20" s="6"/>
      <c r="B20" s="16"/>
      <c r="C20" s="26" t="s">
        <v>76</v>
      </c>
      <c r="D20" s="33"/>
      <c r="E20" s="43">
        <v>23627</v>
      </c>
      <c r="F20" s="48"/>
      <c r="G20" s="43">
        <v>20037</v>
      </c>
      <c r="H20" s="56">
        <v>1.179168538204322</v>
      </c>
      <c r="I20" s="43" t="s">
        <v>7</v>
      </c>
      <c r="J20" s="43"/>
    </row>
    <row r="21" spans="1:10" ht="12" customHeight="1" thickBot="1" x14ac:dyDescent="0.2">
      <c r="A21" s="7"/>
      <c r="B21" s="14"/>
      <c r="C21" s="27" t="s">
        <v>77</v>
      </c>
      <c r="D21" s="32"/>
      <c r="E21" s="42">
        <v>909456</v>
      </c>
      <c r="F21" s="46"/>
      <c r="G21" s="42">
        <v>1067184</v>
      </c>
      <c r="H21" s="55">
        <v>0.85220168218414072</v>
      </c>
      <c r="I21" s="57" t="s">
        <v>78</v>
      </c>
      <c r="J21" s="57"/>
    </row>
    <row r="22" spans="1:10" ht="12" customHeight="1" thickTop="1" x14ac:dyDescent="0.15">
      <c r="A22" s="6"/>
      <c r="B22" s="15"/>
      <c r="C22" s="24" t="s">
        <v>27</v>
      </c>
      <c r="D22" s="13"/>
      <c r="E22" s="40">
        <v>886055</v>
      </c>
      <c r="F22" s="47"/>
      <c r="G22" s="40">
        <v>1052304</v>
      </c>
      <c r="H22" s="50">
        <v>0.84201428484544394</v>
      </c>
      <c r="I22" s="48" t="s">
        <v>79</v>
      </c>
      <c r="J22" s="48"/>
    </row>
    <row r="23" spans="1:10" ht="12" customHeight="1" x14ac:dyDescent="0.15">
      <c r="A23" s="6"/>
      <c r="B23" s="9"/>
      <c r="C23" s="25" t="s">
        <v>28</v>
      </c>
      <c r="D23" s="30"/>
      <c r="E23" s="37">
        <v>169065</v>
      </c>
      <c r="F23" s="45"/>
      <c r="G23" s="37">
        <v>175675</v>
      </c>
      <c r="H23" s="51">
        <v>0.96237370143731327</v>
      </c>
      <c r="I23" s="37" t="s">
        <v>7</v>
      </c>
      <c r="J23" s="37"/>
    </row>
    <row r="24" spans="1:10" ht="12" customHeight="1" x14ac:dyDescent="0.15">
      <c r="A24" s="6"/>
      <c r="B24" s="9"/>
      <c r="C24" s="18" t="s">
        <v>31</v>
      </c>
      <c r="D24" s="30"/>
      <c r="E24" s="38">
        <v>217001</v>
      </c>
      <c r="F24" s="45"/>
      <c r="G24" s="38">
        <v>262308</v>
      </c>
      <c r="H24" s="52">
        <v>0.82727556917821798</v>
      </c>
      <c r="I24" s="38" t="s">
        <v>7</v>
      </c>
      <c r="J24" s="38"/>
    </row>
    <row r="25" spans="1:10" ht="12" customHeight="1" x14ac:dyDescent="0.15">
      <c r="A25" s="6" t="s">
        <v>5</v>
      </c>
      <c r="B25" s="9"/>
      <c r="C25" s="18" t="s">
        <v>32</v>
      </c>
      <c r="D25" s="30"/>
      <c r="E25" s="38">
        <v>195793</v>
      </c>
      <c r="F25" s="45"/>
      <c r="G25" s="38">
        <v>224334</v>
      </c>
      <c r="H25" s="52">
        <v>0.87277452370126685</v>
      </c>
      <c r="I25" s="38" t="s">
        <v>7</v>
      </c>
      <c r="J25" s="38"/>
    </row>
    <row r="26" spans="1:10" ht="12" customHeight="1" x14ac:dyDescent="0.15">
      <c r="A26" s="6" t="s">
        <v>20</v>
      </c>
      <c r="B26" s="9"/>
      <c r="C26" s="18" t="s">
        <v>33</v>
      </c>
      <c r="D26" s="30"/>
      <c r="E26" s="38">
        <v>61863</v>
      </c>
      <c r="F26" s="45"/>
      <c r="G26" s="38">
        <v>78740</v>
      </c>
      <c r="H26" s="52">
        <v>0.78566167132334264</v>
      </c>
      <c r="I26" s="38" t="s">
        <v>7</v>
      </c>
      <c r="J26" s="38"/>
    </row>
    <row r="27" spans="1:10" ht="12" customHeight="1" x14ac:dyDescent="0.15">
      <c r="A27" s="6"/>
      <c r="B27" s="9"/>
      <c r="C27" s="18" t="s">
        <v>34</v>
      </c>
      <c r="D27" s="30"/>
      <c r="E27" s="38">
        <v>156495</v>
      </c>
      <c r="F27" s="45"/>
      <c r="G27" s="38">
        <v>196125</v>
      </c>
      <c r="H27" s="52">
        <v>0.79793499043977056</v>
      </c>
      <c r="I27" s="38" t="s">
        <v>7</v>
      </c>
      <c r="J27" s="38"/>
    </row>
    <row r="28" spans="1:10" ht="12" customHeight="1" x14ac:dyDescent="0.15">
      <c r="A28" s="6"/>
      <c r="B28" s="9"/>
      <c r="C28" s="18" t="s">
        <v>4</v>
      </c>
      <c r="D28" s="30"/>
      <c r="E28" s="38">
        <v>11666</v>
      </c>
      <c r="F28" s="45"/>
      <c r="G28" s="38">
        <v>27217</v>
      </c>
      <c r="H28" s="52">
        <v>0.4286291655950325</v>
      </c>
      <c r="I28" s="38" t="s">
        <v>7</v>
      </c>
      <c r="J28" s="38"/>
    </row>
    <row r="29" spans="1:10" ht="12" customHeight="1" x14ac:dyDescent="0.15">
      <c r="A29" s="6"/>
      <c r="B29" s="16"/>
      <c r="C29" s="26" t="s">
        <v>35</v>
      </c>
      <c r="D29" s="33"/>
      <c r="E29" s="43">
        <v>74172</v>
      </c>
      <c r="F29" s="48"/>
      <c r="G29" s="43">
        <v>87905</v>
      </c>
      <c r="H29" s="56">
        <v>0.84377452932142649</v>
      </c>
      <c r="I29" s="43" t="s">
        <v>80</v>
      </c>
      <c r="J29" s="43"/>
    </row>
    <row r="30" spans="1:10" ht="12" customHeight="1" thickBot="1" x14ac:dyDescent="0.2">
      <c r="A30" s="7"/>
      <c r="B30" s="14"/>
      <c r="C30" s="27" t="s">
        <v>36</v>
      </c>
      <c r="D30" s="32"/>
      <c r="E30" s="42">
        <v>326157</v>
      </c>
      <c r="F30" s="46"/>
      <c r="G30" s="42">
        <v>333808</v>
      </c>
      <c r="H30" s="55">
        <v>0.9770796385946412</v>
      </c>
      <c r="I30" s="57" t="s">
        <v>37</v>
      </c>
      <c r="J30" s="57"/>
    </row>
    <row r="31" spans="1:10" ht="12" customHeight="1" thickTop="1" x14ac:dyDescent="0.15">
      <c r="A31" s="6"/>
      <c r="B31" s="9"/>
      <c r="C31" s="28" t="s">
        <v>38</v>
      </c>
      <c r="D31" s="30"/>
      <c r="E31" s="41">
        <v>95319</v>
      </c>
      <c r="F31" s="45"/>
      <c r="G31" s="41">
        <v>164318</v>
      </c>
      <c r="H31" s="54">
        <v>0.58008860867342593</v>
      </c>
      <c r="I31" s="41" t="s">
        <v>81</v>
      </c>
      <c r="J31" s="41"/>
    </row>
    <row r="32" spans="1:10" ht="12" customHeight="1" x14ac:dyDescent="0.15">
      <c r="A32" s="6" t="s">
        <v>40</v>
      </c>
      <c r="B32" s="9"/>
      <c r="C32" s="18" t="s">
        <v>3</v>
      </c>
      <c r="D32" s="30"/>
      <c r="E32" s="38">
        <v>106676</v>
      </c>
      <c r="F32" s="45"/>
      <c r="G32" s="38">
        <v>120798</v>
      </c>
      <c r="H32" s="52">
        <v>0.88309409096177094</v>
      </c>
      <c r="I32" s="38" t="s">
        <v>7</v>
      </c>
      <c r="J32" s="38"/>
    </row>
    <row r="33" spans="1:10" ht="12" customHeight="1" x14ac:dyDescent="0.15">
      <c r="A33" s="6" t="s">
        <v>14</v>
      </c>
      <c r="B33" s="9"/>
      <c r="C33" s="18" t="s">
        <v>41</v>
      </c>
      <c r="D33" s="30"/>
      <c r="E33" s="38">
        <v>900410</v>
      </c>
      <c r="F33" s="45"/>
      <c r="G33" s="38">
        <v>900426</v>
      </c>
      <c r="H33" s="52">
        <v>0.99998223063305591</v>
      </c>
      <c r="I33" s="38" t="s">
        <v>7</v>
      </c>
      <c r="J33" s="38"/>
    </row>
    <row r="34" spans="1:10" ht="12" customHeight="1" thickBot="1" x14ac:dyDescent="0.2">
      <c r="A34" s="7"/>
      <c r="B34" s="11"/>
      <c r="C34" s="19" t="s">
        <v>35</v>
      </c>
      <c r="D34" s="34"/>
      <c r="E34" s="39">
        <v>109807</v>
      </c>
      <c r="F34" s="49"/>
      <c r="G34" s="39">
        <v>200570</v>
      </c>
      <c r="H34" s="53">
        <v>0.54747469711322727</v>
      </c>
      <c r="I34" s="39" t="s">
        <v>7</v>
      </c>
      <c r="J34" s="39"/>
    </row>
    <row r="35" spans="1:10" ht="12" customHeight="1" thickTop="1" x14ac:dyDescent="0.15">
      <c r="A35" s="72" t="s">
        <v>29</v>
      </c>
      <c r="B35" s="72"/>
      <c r="C35" s="72"/>
      <c r="D35" s="13"/>
      <c r="E35" s="40">
        <v>3657811</v>
      </c>
      <c r="F35" s="47"/>
      <c r="G35" s="40">
        <v>3807325</v>
      </c>
      <c r="H35" s="50">
        <v>0.96072990879423215</v>
      </c>
      <c r="I35" s="48" t="s">
        <v>42</v>
      </c>
      <c r="J35" s="48"/>
    </row>
    <row r="36" spans="1:10" ht="12" customHeight="1" x14ac:dyDescent="0.15">
      <c r="A36" s="5" t="s">
        <v>5</v>
      </c>
      <c r="B36" s="9"/>
      <c r="C36" s="25" t="s">
        <v>27</v>
      </c>
      <c r="D36" s="30"/>
      <c r="E36" s="37">
        <v>2633624</v>
      </c>
      <c r="F36" s="45"/>
      <c r="G36" s="37">
        <v>2893567</v>
      </c>
      <c r="H36" s="51">
        <v>0.91016520439996729</v>
      </c>
      <c r="I36" s="37" t="s">
        <v>82</v>
      </c>
      <c r="J36" s="37"/>
    </row>
    <row r="37" spans="1:10" ht="12" customHeight="1" thickBot="1" x14ac:dyDescent="0.2">
      <c r="A37" s="7" t="s">
        <v>20</v>
      </c>
      <c r="B37" s="11"/>
      <c r="C37" s="19" t="s">
        <v>36</v>
      </c>
      <c r="D37" s="34"/>
      <c r="E37" s="39">
        <v>1024187</v>
      </c>
      <c r="F37" s="49"/>
      <c r="G37" s="39">
        <v>913758</v>
      </c>
      <c r="H37" s="53">
        <v>1.1208514727094046</v>
      </c>
      <c r="I37" s="39" t="s">
        <v>82</v>
      </c>
      <c r="J37" s="39"/>
    </row>
    <row r="38" spans="1:10" ht="12" customHeight="1" thickTop="1" x14ac:dyDescent="0.15">
      <c r="A38" s="6"/>
      <c r="B38" s="9"/>
      <c r="C38" s="28" t="s">
        <v>43</v>
      </c>
      <c r="D38" s="30"/>
      <c r="E38" s="41">
        <v>2287019</v>
      </c>
      <c r="F38" s="45"/>
      <c r="G38" s="41">
        <v>2406312</v>
      </c>
      <c r="H38" s="54">
        <v>0.95042496567361179</v>
      </c>
      <c r="I38" s="41" t="s">
        <v>83</v>
      </c>
      <c r="J38" s="41"/>
    </row>
    <row r="39" spans="1:10" ht="12" customHeight="1" x14ac:dyDescent="0.15">
      <c r="A39" s="6" t="s">
        <v>45</v>
      </c>
      <c r="B39" s="9"/>
      <c r="C39" s="18" t="s">
        <v>39</v>
      </c>
      <c r="D39" s="30"/>
      <c r="E39" s="38">
        <v>574694</v>
      </c>
      <c r="F39" s="45"/>
      <c r="G39" s="38">
        <v>645035</v>
      </c>
      <c r="H39" s="52">
        <v>0.89095010348275672</v>
      </c>
      <c r="I39" s="38" t="s">
        <v>84</v>
      </c>
      <c r="J39" s="38"/>
    </row>
    <row r="40" spans="1:10" ht="12" customHeight="1" x14ac:dyDescent="0.15">
      <c r="A40" s="6" t="s">
        <v>20</v>
      </c>
      <c r="B40" s="9"/>
      <c r="C40" s="18" t="s">
        <v>46</v>
      </c>
      <c r="D40" s="30"/>
      <c r="E40" s="38">
        <v>104851</v>
      </c>
      <c r="F40" s="45"/>
      <c r="G40" s="38">
        <v>180750</v>
      </c>
      <c r="H40" s="52">
        <v>0.58008852005532507</v>
      </c>
      <c r="I40" s="38" t="s">
        <v>85</v>
      </c>
      <c r="J40" s="38"/>
    </row>
    <row r="41" spans="1:10" ht="12" customHeight="1" x14ac:dyDescent="0.15">
      <c r="A41" s="10"/>
      <c r="B41" s="16"/>
      <c r="C41" s="26" t="s">
        <v>35</v>
      </c>
      <c r="D41" s="33"/>
      <c r="E41" s="43">
        <v>691247</v>
      </c>
      <c r="F41" s="48"/>
      <c r="G41" s="43">
        <v>575228</v>
      </c>
      <c r="H41" s="56">
        <v>1.2016921985716968</v>
      </c>
      <c r="I41" s="43" t="s">
        <v>86</v>
      </c>
      <c r="J41" s="43"/>
    </row>
  </sheetData>
  <mergeCells count="7">
    <mergeCell ref="A35:C35"/>
    <mergeCell ref="A2:J2"/>
    <mergeCell ref="B3:C3"/>
    <mergeCell ref="D3:E3"/>
    <mergeCell ref="F3:G3"/>
    <mergeCell ref="A4:C4"/>
    <mergeCell ref="A5:C5"/>
  </mergeCells>
  <phoneticPr fontId="7"/>
  <conditionalFormatting sqref="A1:XFD1048576">
    <cfRule type="cellIs" dxfId="12" priority="1" stopIfTrue="1" operator="equal">
      <formula>0</formula>
    </cfRule>
  </conditionalFormatting>
  <pageMargins left="0.59027777777777779" right="0.59027777777777779" top="0.59027777777777779" bottom="0.59027777777777779" header="0.51180555555555551" footer="0.51180555555555551"/>
  <pageSetup paperSize="9" scale="96" orientation="landscape" horizontalDpi="65533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780E02-3482-417C-B3EE-54AE99F77421}">
  <sheetPr>
    <pageSetUpPr fitToPage="1"/>
  </sheetPr>
  <dimension ref="A1:J41"/>
  <sheetViews>
    <sheetView workbookViewId="0">
      <selection activeCell="E44" sqref="E44"/>
    </sheetView>
  </sheetViews>
  <sheetFormatPr defaultRowHeight="12" customHeight="1" x14ac:dyDescent="0.15"/>
  <cols>
    <col min="1" max="1" width="8.625" style="1" customWidth="1"/>
    <col min="2" max="2" width="0.875" style="1" customWidth="1"/>
    <col min="3" max="3" width="20.625" style="1" customWidth="1"/>
    <col min="4" max="4" width="0.875" style="1" customWidth="1"/>
    <col min="5" max="5" width="14.625" style="1" customWidth="1"/>
    <col min="6" max="6" width="0.875" style="1" customWidth="1"/>
    <col min="7" max="7" width="14.625" style="1" customWidth="1"/>
    <col min="8" max="8" width="10.625" style="1" customWidth="1"/>
    <col min="9" max="10" width="30.625" style="1" customWidth="1"/>
    <col min="11" max="11" width="9" style="1" customWidth="1"/>
    <col min="12" max="16384" width="9" style="1"/>
  </cols>
  <sheetData>
    <row r="1" spans="1:10" ht="12" customHeight="1" x14ac:dyDescent="0.15">
      <c r="A1" s="1" t="s">
        <v>0</v>
      </c>
    </row>
    <row r="2" spans="1:10" ht="12" customHeight="1" x14ac:dyDescent="0.15">
      <c r="A2" s="73" t="s">
        <v>87</v>
      </c>
      <c r="B2" s="73"/>
      <c r="C2" s="73"/>
      <c r="D2" s="73"/>
      <c r="E2" s="73"/>
      <c r="F2" s="73"/>
      <c r="G2" s="73"/>
      <c r="H2" s="73"/>
      <c r="I2" s="73"/>
      <c r="J2" s="73"/>
    </row>
    <row r="3" spans="1:10" ht="12" customHeight="1" x14ac:dyDescent="0.15">
      <c r="A3" s="3"/>
      <c r="B3" s="74" t="s">
        <v>65</v>
      </c>
      <c r="C3" s="74"/>
      <c r="D3" s="74"/>
      <c r="E3" s="74"/>
      <c r="F3" s="74"/>
      <c r="G3" s="74"/>
      <c r="H3" s="3"/>
      <c r="I3" s="3"/>
      <c r="J3" s="58" t="s">
        <v>88</v>
      </c>
    </row>
    <row r="4" spans="1:10" s="2" customFormat="1" ht="12" customHeight="1" x14ac:dyDescent="0.15">
      <c r="A4" s="75" t="s">
        <v>6</v>
      </c>
      <c r="B4" s="75"/>
      <c r="C4" s="75"/>
      <c r="D4" s="29"/>
      <c r="E4" s="35" t="s">
        <v>89</v>
      </c>
      <c r="F4" s="29"/>
      <c r="G4" s="35" t="s">
        <v>90</v>
      </c>
      <c r="H4" s="4" t="s">
        <v>91</v>
      </c>
      <c r="I4" s="4" t="s">
        <v>92</v>
      </c>
      <c r="J4" s="4" t="s">
        <v>8</v>
      </c>
    </row>
    <row r="5" spans="1:10" ht="12" customHeight="1" x14ac:dyDescent="0.15">
      <c r="A5" s="72" t="s">
        <v>9</v>
      </c>
      <c r="B5" s="72"/>
      <c r="C5" s="72"/>
      <c r="D5" s="15"/>
      <c r="E5" s="36">
        <v>2073211</v>
      </c>
      <c r="F5" s="15"/>
      <c r="G5" s="36">
        <v>1212212</v>
      </c>
      <c r="H5" s="50">
        <v>1.7102709757039198</v>
      </c>
      <c r="I5" s="16" t="s">
        <v>2</v>
      </c>
      <c r="J5" s="16"/>
    </row>
    <row r="6" spans="1:10" ht="12" customHeight="1" x14ac:dyDescent="0.15">
      <c r="A6" s="5"/>
      <c r="B6" s="9"/>
      <c r="C6" s="17" t="s">
        <v>15</v>
      </c>
      <c r="D6" s="9"/>
      <c r="E6" s="37">
        <v>428469</v>
      </c>
      <c r="F6" s="9"/>
      <c r="G6" s="37">
        <v>313506</v>
      </c>
      <c r="H6" s="51">
        <v>1.3667011157681193</v>
      </c>
      <c r="I6" s="37" t="s">
        <v>1</v>
      </c>
      <c r="J6" s="37"/>
    </row>
    <row r="7" spans="1:10" ht="12" customHeight="1" x14ac:dyDescent="0.15">
      <c r="A7" s="6"/>
      <c r="B7" s="9"/>
      <c r="C7" s="18" t="s">
        <v>13</v>
      </c>
      <c r="D7" s="9"/>
      <c r="E7" s="38">
        <v>268001</v>
      </c>
      <c r="F7" s="9"/>
      <c r="G7" s="38">
        <v>147878</v>
      </c>
      <c r="H7" s="52">
        <v>1.812311500020287</v>
      </c>
      <c r="I7" s="38" t="s">
        <v>7</v>
      </c>
      <c r="J7" s="38"/>
    </row>
    <row r="8" spans="1:10" ht="12" customHeight="1" x14ac:dyDescent="0.15">
      <c r="A8" s="6"/>
      <c r="B8" s="9"/>
      <c r="C8" s="18" t="s">
        <v>16</v>
      </c>
      <c r="D8" s="9"/>
      <c r="E8" s="38">
        <v>249936</v>
      </c>
      <c r="F8" s="9"/>
      <c r="G8" s="38">
        <v>169405</v>
      </c>
      <c r="H8" s="52">
        <v>1.4753755792331986</v>
      </c>
      <c r="I8" s="38" t="s">
        <v>7</v>
      </c>
      <c r="J8" s="38"/>
    </row>
    <row r="9" spans="1:10" ht="12" customHeight="1" x14ac:dyDescent="0.15">
      <c r="A9" s="6" t="s">
        <v>18</v>
      </c>
      <c r="B9" s="9"/>
      <c r="C9" s="18" t="s">
        <v>19</v>
      </c>
      <c r="D9" s="9"/>
      <c r="E9" s="38">
        <v>88654</v>
      </c>
      <c r="F9" s="9"/>
      <c r="G9" s="38">
        <v>64033</v>
      </c>
      <c r="H9" s="52">
        <v>1.3845048646791498</v>
      </c>
      <c r="I9" s="38" t="s">
        <v>7</v>
      </c>
      <c r="J9" s="38"/>
    </row>
    <row r="10" spans="1:10" ht="12" customHeight="1" x14ac:dyDescent="0.15">
      <c r="A10" s="6" t="s">
        <v>20</v>
      </c>
      <c r="B10" s="9"/>
      <c r="C10" s="18" t="s">
        <v>21</v>
      </c>
      <c r="D10" s="9"/>
      <c r="E10" s="38">
        <v>31793</v>
      </c>
      <c r="F10" s="9"/>
      <c r="G10" s="38">
        <v>18524</v>
      </c>
      <c r="H10" s="52">
        <v>1.716313971064565</v>
      </c>
      <c r="I10" s="38" t="s">
        <v>7</v>
      </c>
      <c r="J10" s="38"/>
    </row>
    <row r="11" spans="1:10" ht="12" customHeight="1" x14ac:dyDescent="0.15">
      <c r="A11" s="6"/>
      <c r="B11" s="9"/>
      <c r="C11" s="18" t="s">
        <v>17</v>
      </c>
      <c r="D11" s="9"/>
      <c r="E11" s="38">
        <v>724696</v>
      </c>
      <c r="F11" s="9"/>
      <c r="G11" s="38">
        <v>498866</v>
      </c>
      <c r="H11" s="52">
        <v>1.4526866934206781</v>
      </c>
      <c r="I11" s="38" t="s">
        <v>7</v>
      </c>
      <c r="J11" s="38"/>
    </row>
    <row r="12" spans="1:10" ht="12" customHeight="1" x14ac:dyDescent="0.15">
      <c r="A12" s="6"/>
      <c r="B12" s="9"/>
      <c r="C12" s="18" t="s">
        <v>11</v>
      </c>
      <c r="D12" s="9"/>
      <c r="E12" s="38">
        <v>278500</v>
      </c>
      <c r="F12" s="9"/>
      <c r="G12" s="38">
        <v>0</v>
      </c>
      <c r="H12" s="52" t="s">
        <v>63</v>
      </c>
      <c r="I12" s="38" t="s">
        <v>7</v>
      </c>
      <c r="J12" s="38"/>
    </row>
    <row r="13" spans="1:10" ht="12" customHeight="1" thickBot="1" x14ac:dyDescent="0.2">
      <c r="A13" s="7"/>
      <c r="B13" s="11"/>
      <c r="C13" s="19" t="s">
        <v>22</v>
      </c>
      <c r="D13" s="11"/>
      <c r="E13" s="39">
        <v>3162</v>
      </c>
      <c r="F13" s="11"/>
      <c r="G13" s="39">
        <v>0</v>
      </c>
      <c r="H13" s="53" t="s">
        <v>63</v>
      </c>
      <c r="I13" s="39" t="s">
        <v>7</v>
      </c>
      <c r="J13" s="39"/>
    </row>
    <row r="14" spans="1:10" ht="12" customHeight="1" thickTop="1" x14ac:dyDescent="0.15">
      <c r="A14" s="6"/>
      <c r="B14" s="15"/>
      <c r="C14" s="24" t="s">
        <v>52</v>
      </c>
      <c r="D14" s="15"/>
      <c r="E14" s="40">
        <v>436206</v>
      </c>
      <c r="F14" s="15"/>
      <c r="G14" s="40">
        <v>302756</v>
      </c>
      <c r="H14" s="50">
        <v>1.4407839976746952</v>
      </c>
      <c r="I14" s="48" t="s">
        <v>24</v>
      </c>
      <c r="J14" s="48"/>
    </row>
    <row r="15" spans="1:10" ht="12" customHeight="1" x14ac:dyDescent="0.15">
      <c r="A15" s="6"/>
      <c r="B15" s="9"/>
      <c r="C15" s="25" t="s">
        <v>71</v>
      </c>
      <c r="D15" s="30"/>
      <c r="E15" s="37">
        <v>354439</v>
      </c>
      <c r="F15" s="45"/>
      <c r="G15" s="37">
        <v>234936</v>
      </c>
      <c r="H15" s="51">
        <v>1.5086619334627303</v>
      </c>
      <c r="I15" s="37" t="s">
        <v>44</v>
      </c>
      <c r="J15" s="37"/>
    </row>
    <row r="16" spans="1:10" ht="12" customHeight="1" x14ac:dyDescent="0.15">
      <c r="A16" s="6" t="s">
        <v>23</v>
      </c>
      <c r="B16" s="9"/>
      <c r="C16" s="18" t="s">
        <v>72</v>
      </c>
      <c r="D16" s="30"/>
      <c r="E16" s="38"/>
      <c r="F16" s="45"/>
      <c r="G16" s="38">
        <v>0</v>
      </c>
      <c r="H16" s="52" t="s">
        <v>63</v>
      </c>
      <c r="I16" s="38" t="s">
        <v>7</v>
      </c>
      <c r="J16" s="38"/>
    </row>
    <row r="17" spans="1:10" ht="12" customHeight="1" x14ac:dyDescent="0.15">
      <c r="A17" s="6" t="s">
        <v>26</v>
      </c>
      <c r="B17" s="9"/>
      <c r="C17" s="18" t="s">
        <v>73</v>
      </c>
      <c r="D17" s="30"/>
      <c r="E17" s="38">
        <v>15053</v>
      </c>
      <c r="F17" s="45"/>
      <c r="G17" s="38">
        <v>13136</v>
      </c>
      <c r="H17" s="52">
        <v>1.1459348355663825</v>
      </c>
      <c r="I17" s="38" t="s">
        <v>7</v>
      </c>
      <c r="J17" s="38"/>
    </row>
    <row r="18" spans="1:10" ht="12" customHeight="1" x14ac:dyDescent="0.15">
      <c r="A18" s="6" t="s">
        <v>20</v>
      </c>
      <c r="B18" s="9"/>
      <c r="C18" s="18" t="s">
        <v>74</v>
      </c>
      <c r="D18" s="30"/>
      <c r="E18" s="38"/>
      <c r="F18" s="45"/>
      <c r="G18" s="38">
        <v>0</v>
      </c>
      <c r="H18" s="52" t="s">
        <v>63</v>
      </c>
      <c r="I18" s="38" t="s">
        <v>7</v>
      </c>
      <c r="J18" s="38"/>
    </row>
    <row r="19" spans="1:10" ht="12" customHeight="1" x14ac:dyDescent="0.15">
      <c r="A19" s="6"/>
      <c r="B19" s="9"/>
      <c r="C19" s="18" t="s">
        <v>75</v>
      </c>
      <c r="D19" s="30"/>
      <c r="E19" s="38">
        <v>47656</v>
      </c>
      <c r="F19" s="45"/>
      <c r="G19" s="38">
        <v>31057</v>
      </c>
      <c r="H19" s="52">
        <v>1.534468879801655</v>
      </c>
      <c r="I19" s="38" t="s">
        <v>7</v>
      </c>
      <c r="J19" s="38"/>
    </row>
    <row r="20" spans="1:10" ht="12" customHeight="1" x14ac:dyDescent="0.15">
      <c r="A20" s="6"/>
      <c r="B20" s="16"/>
      <c r="C20" s="26" t="s">
        <v>76</v>
      </c>
      <c r="D20" s="33"/>
      <c r="E20" s="43">
        <v>19058</v>
      </c>
      <c r="F20" s="48"/>
      <c r="G20" s="43">
        <v>23627</v>
      </c>
      <c r="H20" s="56">
        <v>0.80661954543530712</v>
      </c>
      <c r="I20" s="43" t="s">
        <v>7</v>
      </c>
      <c r="J20" s="43"/>
    </row>
    <row r="21" spans="1:10" ht="12" customHeight="1" thickBot="1" x14ac:dyDescent="0.2">
      <c r="A21" s="7"/>
      <c r="B21" s="14"/>
      <c r="C21" s="27" t="s">
        <v>77</v>
      </c>
      <c r="D21" s="32"/>
      <c r="E21" s="42">
        <v>1637005</v>
      </c>
      <c r="F21" s="46"/>
      <c r="G21" s="42">
        <v>909456</v>
      </c>
      <c r="H21" s="55">
        <v>1.7999826269770061</v>
      </c>
      <c r="I21" s="57" t="s">
        <v>78</v>
      </c>
      <c r="J21" s="57"/>
    </row>
    <row r="22" spans="1:10" ht="12" customHeight="1" thickTop="1" x14ac:dyDescent="0.15">
      <c r="A22" s="6"/>
      <c r="B22" s="15"/>
      <c r="C22" s="24" t="s">
        <v>27</v>
      </c>
      <c r="D22" s="13"/>
      <c r="E22" s="40">
        <v>1683210</v>
      </c>
      <c r="F22" s="47"/>
      <c r="G22" s="40">
        <v>886055</v>
      </c>
      <c r="H22" s="50">
        <v>1.8996676278560587</v>
      </c>
      <c r="I22" s="48" t="s">
        <v>79</v>
      </c>
      <c r="J22" s="48" t="s">
        <v>93</v>
      </c>
    </row>
    <row r="23" spans="1:10" ht="12" customHeight="1" x14ac:dyDescent="0.15">
      <c r="A23" s="6"/>
      <c r="B23" s="9"/>
      <c r="C23" s="25" t="s">
        <v>28</v>
      </c>
      <c r="D23" s="30"/>
      <c r="E23" s="37">
        <v>403127</v>
      </c>
      <c r="F23" s="45"/>
      <c r="G23" s="37">
        <v>169065</v>
      </c>
      <c r="H23" s="51">
        <v>2.3844497678407715</v>
      </c>
      <c r="I23" s="37" t="s">
        <v>7</v>
      </c>
      <c r="J23" s="37"/>
    </row>
    <row r="24" spans="1:10" ht="12" customHeight="1" x14ac:dyDescent="0.15">
      <c r="A24" s="6"/>
      <c r="B24" s="9"/>
      <c r="C24" s="18" t="s">
        <v>31</v>
      </c>
      <c r="D24" s="30"/>
      <c r="E24" s="38">
        <v>388201</v>
      </c>
      <c r="F24" s="45"/>
      <c r="G24" s="38">
        <v>217001</v>
      </c>
      <c r="H24" s="52">
        <v>1.7889364565140253</v>
      </c>
      <c r="I24" s="38" t="s">
        <v>7</v>
      </c>
      <c r="J24" s="38"/>
    </row>
    <row r="25" spans="1:10" ht="12" customHeight="1" x14ac:dyDescent="0.15">
      <c r="A25" s="6" t="s">
        <v>5</v>
      </c>
      <c r="B25" s="9"/>
      <c r="C25" s="18" t="s">
        <v>32</v>
      </c>
      <c r="D25" s="30"/>
      <c r="E25" s="38">
        <v>369727</v>
      </c>
      <c r="F25" s="45"/>
      <c r="G25" s="38">
        <v>195793</v>
      </c>
      <c r="H25" s="52">
        <v>1.8883565806744878</v>
      </c>
      <c r="I25" s="38" t="s">
        <v>7</v>
      </c>
      <c r="J25" s="38"/>
    </row>
    <row r="26" spans="1:10" ht="12" customHeight="1" x14ac:dyDescent="0.15">
      <c r="A26" s="6" t="s">
        <v>20</v>
      </c>
      <c r="B26" s="9"/>
      <c r="C26" s="18" t="s">
        <v>33</v>
      </c>
      <c r="D26" s="30"/>
      <c r="E26" s="38">
        <v>136310</v>
      </c>
      <c r="F26" s="45"/>
      <c r="G26" s="38">
        <v>61863</v>
      </c>
      <c r="H26" s="52">
        <v>2.203417228391769</v>
      </c>
      <c r="I26" s="38" t="s">
        <v>7</v>
      </c>
      <c r="J26" s="38"/>
    </row>
    <row r="27" spans="1:10" ht="12" customHeight="1" x14ac:dyDescent="0.15">
      <c r="A27" s="6"/>
      <c r="B27" s="9"/>
      <c r="C27" s="18" t="s">
        <v>34</v>
      </c>
      <c r="D27" s="30"/>
      <c r="E27" s="38">
        <v>202039</v>
      </c>
      <c r="F27" s="45"/>
      <c r="G27" s="38">
        <v>156495</v>
      </c>
      <c r="H27" s="52">
        <v>1.2910252723729192</v>
      </c>
      <c r="I27" s="38" t="s">
        <v>7</v>
      </c>
      <c r="J27" s="38"/>
    </row>
    <row r="28" spans="1:10" ht="12" customHeight="1" x14ac:dyDescent="0.15">
      <c r="A28" s="6"/>
      <c r="B28" s="9"/>
      <c r="C28" s="18" t="s">
        <v>4</v>
      </c>
      <c r="D28" s="30"/>
      <c r="E28" s="38">
        <v>13783</v>
      </c>
      <c r="F28" s="45"/>
      <c r="G28" s="38">
        <v>11666</v>
      </c>
      <c r="H28" s="52">
        <v>1.1814675124292817</v>
      </c>
      <c r="I28" s="38" t="s">
        <v>7</v>
      </c>
      <c r="J28" s="38"/>
    </row>
    <row r="29" spans="1:10" ht="12" customHeight="1" x14ac:dyDescent="0.15">
      <c r="A29" s="6"/>
      <c r="B29" s="16"/>
      <c r="C29" s="26" t="s">
        <v>35</v>
      </c>
      <c r="D29" s="33"/>
      <c r="E29" s="43">
        <v>170023</v>
      </c>
      <c r="F29" s="48"/>
      <c r="G29" s="43">
        <v>74172</v>
      </c>
      <c r="H29" s="56">
        <v>2.2922801057002644</v>
      </c>
      <c r="I29" s="43" t="s">
        <v>80</v>
      </c>
      <c r="J29" s="43"/>
    </row>
    <row r="30" spans="1:10" ht="12" customHeight="1" thickBot="1" x14ac:dyDescent="0.2">
      <c r="A30" s="7"/>
      <c r="B30" s="14"/>
      <c r="C30" s="27" t="s">
        <v>36</v>
      </c>
      <c r="D30" s="32"/>
      <c r="E30" s="40">
        <v>390001</v>
      </c>
      <c r="F30" s="46"/>
      <c r="G30" s="42">
        <v>326157</v>
      </c>
      <c r="H30" s="55">
        <v>1.1957462203785294</v>
      </c>
      <c r="I30" s="57" t="s">
        <v>37</v>
      </c>
      <c r="J30" s="57" t="s">
        <v>94</v>
      </c>
    </row>
    <row r="31" spans="1:10" ht="12" customHeight="1" thickTop="1" x14ac:dyDescent="0.15">
      <c r="A31" s="6"/>
      <c r="B31" s="9"/>
      <c r="C31" s="28" t="s">
        <v>38</v>
      </c>
      <c r="D31" s="30"/>
      <c r="E31" s="41">
        <v>120749.95515321063</v>
      </c>
      <c r="F31" s="45"/>
      <c r="G31" s="41">
        <v>95319</v>
      </c>
      <c r="H31" s="54">
        <v>1.2667983838816042</v>
      </c>
      <c r="I31" s="41" t="s">
        <v>81</v>
      </c>
      <c r="J31" s="41"/>
    </row>
    <row r="32" spans="1:10" ht="12" customHeight="1" x14ac:dyDescent="0.15">
      <c r="A32" s="6" t="s">
        <v>40</v>
      </c>
      <c r="B32" s="9"/>
      <c r="C32" s="18" t="s">
        <v>3</v>
      </c>
      <c r="D32" s="30"/>
      <c r="E32" s="38">
        <v>113934.12807783138</v>
      </c>
      <c r="F32" s="45"/>
      <c r="G32" s="38">
        <v>106676</v>
      </c>
      <c r="H32" s="52">
        <v>1.0680389973174038</v>
      </c>
      <c r="I32" s="38" t="s">
        <v>7</v>
      </c>
      <c r="J32" s="38"/>
    </row>
    <row r="33" spans="1:10" ht="12" customHeight="1" x14ac:dyDescent="0.15">
      <c r="A33" s="6" t="s">
        <v>14</v>
      </c>
      <c r="B33" s="9"/>
      <c r="C33" s="18" t="s">
        <v>41</v>
      </c>
      <c r="D33" s="30"/>
      <c r="E33" s="38">
        <v>808525.63687866856</v>
      </c>
      <c r="F33" s="45"/>
      <c r="G33" s="38">
        <v>900410</v>
      </c>
      <c r="H33" s="52">
        <v>0.89795275138955433</v>
      </c>
      <c r="I33" s="38" t="s">
        <v>7</v>
      </c>
      <c r="J33" s="38"/>
    </row>
    <row r="34" spans="1:10" ht="12" customHeight="1" thickBot="1" x14ac:dyDescent="0.2">
      <c r="A34" s="7"/>
      <c r="B34" s="11"/>
      <c r="C34" s="19" t="s">
        <v>35</v>
      </c>
      <c r="D34" s="34"/>
      <c r="E34" s="44">
        <v>185079.2798902895</v>
      </c>
      <c r="F34" s="49"/>
      <c r="G34" s="39">
        <v>109807</v>
      </c>
      <c r="H34" s="53">
        <v>1.6854961877684438</v>
      </c>
      <c r="I34" s="39" t="s">
        <v>7</v>
      </c>
      <c r="J34" s="39"/>
    </row>
    <row r="35" spans="1:10" ht="12" customHeight="1" thickTop="1" x14ac:dyDescent="0.15">
      <c r="A35" s="72" t="s">
        <v>29</v>
      </c>
      <c r="B35" s="72"/>
      <c r="C35" s="72"/>
      <c r="D35" s="13"/>
      <c r="E35" s="59">
        <v>4950419855.6685314</v>
      </c>
      <c r="F35" s="47"/>
      <c r="G35" s="59">
        <v>3657811000</v>
      </c>
      <c r="H35" s="50">
        <v>1.3533831725227279</v>
      </c>
      <c r="I35" s="48" t="s">
        <v>42</v>
      </c>
      <c r="J35" s="48"/>
    </row>
    <row r="36" spans="1:10" ht="12" customHeight="1" x14ac:dyDescent="0.15">
      <c r="A36" s="5" t="s">
        <v>5</v>
      </c>
      <c r="B36" s="9"/>
      <c r="C36" s="25" t="s">
        <v>27</v>
      </c>
      <c r="D36" s="30"/>
      <c r="E36" s="60">
        <v>4009840083.0915108</v>
      </c>
      <c r="F36" s="45"/>
      <c r="G36" s="60">
        <v>2633624000</v>
      </c>
      <c r="H36" s="51">
        <v>1.5225560228383059</v>
      </c>
      <c r="I36" s="37" t="s">
        <v>82</v>
      </c>
      <c r="J36" s="37"/>
    </row>
    <row r="37" spans="1:10" ht="12" customHeight="1" thickBot="1" x14ac:dyDescent="0.2">
      <c r="A37" s="7" t="s">
        <v>20</v>
      </c>
      <c r="B37" s="11"/>
      <c r="C37" s="19" t="s">
        <v>36</v>
      </c>
      <c r="D37" s="34"/>
      <c r="E37" s="61">
        <v>940579772.577021</v>
      </c>
      <c r="F37" s="49"/>
      <c r="G37" s="61">
        <v>1024187000</v>
      </c>
      <c r="H37" s="53">
        <v>0.91836722451761343</v>
      </c>
      <c r="I37" s="39" t="s">
        <v>82</v>
      </c>
      <c r="J37" s="39"/>
    </row>
    <row r="38" spans="1:10" ht="12" customHeight="1" thickTop="1" x14ac:dyDescent="0.15">
      <c r="A38" s="6"/>
      <c r="B38" s="9"/>
      <c r="C38" s="28" t="s">
        <v>43</v>
      </c>
      <c r="D38" s="30"/>
      <c r="E38" s="62">
        <v>3122362548</v>
      </c>
      <c r="F38" s="45"/>
      <c r="G38" s="62">
        <v>2287019000</v>
      </c>
      <c r="H38" s="54">
        <v>1.3652543105238741</v>
      </c>
      <c r="I38" s="41" t="s">
        <v>95</v>
      </c>
      <c r="J38" s="41"/>
    </row>
    <row r="39" spans="1:10" ht="12" customHeight="1" x14ac:dyDescent="0.15">
      <c r="A39" s="6" t="s">
        <v>45</v>
      </c>
      <c r="B39" s="9"/>
      <c r="C39" s="18" t="s">
        <v>39</v>
      </c>
      <c r="D39" s="30"/>
      <c r="E39" s="63">
        <v>834849792</v>
      </c>
      <c r="F39" s="45"/>
      <c r="G39" s="63">
        <v>574694000</v>
      </c>
      <c r="H39" s="52">
        <v>1.4526857632061585</v>
      </c>
      <c r="I39" s="38" t="s">
        <v>84</v>
      </c>
      <c r="J39" s="38"/>
    </row>
    <row r="40" spans="1:10" ht="12" customHeight="1" x14ac:dyDescent="0.15">
      <c r="A40" s="6" t="s">
        <v>20</v>
      </c>
      <c r="B40" s="9"/>
      <c r="C40" s="18" t="s">
        <v>46</v>
      </c>
      <c r="D40" s="30"/>
      <c r="E40" s="63">
        <v>132824950.66853169</v>
      </c>
      <c r="F40" s="45"/>
      <c r="G40" s="63">
        <v>104851000</v>
      </c>
      <c r="H40" s="52">
        <v>1.266797175692475</v>
      </c>
      <c r="I40" s="38" t="s">
        <v>85</v>
      </c>
      <c r="J40" s="38"/>
    </row>
    <row r="41" spans="1:10" ht="12" customHeight="1" x14ac:dyDescent="0.15">
      <c r="A41" s="10"/>
      <c r="B41" s="16"/>
      <c r="C41" s="26" t="s">
        <v>35</v>
      </c>
      <c r="D41" s="33"/>
      <c r="E41" s="64">
        <v>860382565</v>
      </c>
      <c r="F41" s="48"/>
      <c r="G41" s="64">
        <v>691247000</v>
      </c>
      <c r="H41" s="56">
        <v>1.2446818069373176</v>
      </c>
      <c r="I41" s="43" t="s">
        <v>86</v>
      </c>
      <c r="J41" s="43"/>
    </row>
  </sheetData>
  <mergeCells count="7">
    <mergeCell ref="A35:C35"/>
    <mergeCell ref="A2:J2"/>
    <mergeCell ref="B3:C3"/>
    <mergeCell ref="D3:E3"/>
    <mergeCell ref="F3:G3"/>
    <mergeCell ref="A4:C4"/>
    <mergeCell ref="A5:C5"/>
  </mergeCells>
  <phoneticPr fontId="7"/>
  <conditionalFormatting sqref="A1:K1048576 L22:XFD1048576">
    <cfRule type="cellIs" dxfId="11" priority="1" stopIfTrue="1" operator="equal">
      <formula>0</formula>
    </cfRule>
  </conditionalFormatting>
  <conditionalFormatting sqref="L1:XFD19 L20:XEY21">
    <cfRule type="cellIs" dxfId="10" priority="2" stopIfTrue="1" operator="equal">
      <formula>0</formula>
    </cfRule>
  </conditionalFormatting>
  <pageMargins left="0.59027777777777779" right="0.59027777777777779" top="0.59027777777777779" bottom="0.59027777777777779" header="0.51180555555555551" footer="0.51180555555555551"/>
  <pageSetup paperSize="9" scale="96" orientation="landscape" horizontalDpi="65533" verticalDpi="30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377AF42-2129-43EA-BB00-30FC2CBA3BF4}">
  <dimension ref="A1:L45"/>
  <sheetViews>
    <sheetView workbookViewId="0">
      <selection activeCell="E50" sqref="E50"/>
    </sheetView>
  </sheetViews>
  <sheetFormatPr defaultColWidth="9" defaultRowHeight="12" customHeight="1" x14ac:dyDescent="0.15"/>
  <cols>
    <col min="1" max="1" width="8.625" style="1" customWidth="1"/>
    <col min="2" max="2" width="0.875" style="1" customWidth="1"/>
    <col min="3" max="3" width="20.625" style="1" customWidth="1"/>
    <col min="4" max="4" width="0.875" style="1" customWidth="1"/>
    <col min="5" max="5" width="14.625" style="1" customWidth="1"/>
    <col min="6" max="6" width="0.875" style="1" customWidth="1"/>
    <col min="7" max="7" width="14.625" style="1" customWidth="1"/>
    <col min="8" max="8" width="10.625" style="1" customWidth="1"/>
    <col min="9" max="10" width="30.625" style="1" customWidth="1"/>
    <col min="11" max="16384" width="9" style="1"/>
  </cols>
  <sheetData>
    <row r="1" spans="1:10" ht="12" customHeight="1" x14ac:dyDescent="0.15">
      <c r="A1" s="1" t="s">
        <v>0</v>
      </c>
    </row>
    <row r="2" spans="1:10" ht="12" customHeight="1" x14ac:dyDescent="0.15">
      <c r="A2" s="73" t="s">
        <v>96</v>
      </c>
      <c r="B2" s="73"/>
      <c r="C2" s="73"/>
      <c r="D2" s="73"/>
      <c r="E2" s="73"/>
      <c r="F2" s="73"/>
      <c r="G2" s="73"/>
      <c r="H2" s="73"/>
      <c r="I2" s="73"/>
      <c r="J2" s="73"/>
    </row>
    <row r="3" spans="1:10" ht="12" customHeight="1" x14ac:dyDescent="0.15">
      <c r="A3" s="3"/>
      <c r="B3" s="74" t="s">
        <v>97</v>
      </c>
      <c r="C3" s="74"/>
      <c r="D3" s="74"/>
      <c r="E3" s="74"/>
      <c r="F3" s="74"/>
      <c r="G3" s="74"/>
      <c r="H3" s="3"/>
      <c r="I3" s="3"/>
      <c r="J3" s="58" t="s">
        <v>98</v>
      </c>
    </row>
    <row r="4" spans="1:10" s="2" customFormat="1" ht="12" customHeight="1" x14ac:dyDescent="0.15">
      <c r="A4" s="75" t="s">
        <v>6</v>
      </c>
      <c r="B4" s="75"/>
      <c r="C4" s="75"/>
      <c r="D4" s="29"/>
      <c r="E4" s="35" t="s">
        <v>99</v>
      </c>
      <c r="F4" s="29"/>
      <c r="G4" s="35" t="s">
        <v>100</v>
      </c>
      <c r="H4" s="4" t="s">
        <v>101</v>
      </c>
      <c r="I4" s="4" t="s">
        <v>102</v>
      </c>
      <c r="J4" s="4" t="s">
        <v>8</v>
      </c>
    </row>
    <row r="5" spans="1:10" ht="12" customHeight="1" x14ac:dyDescent="0.15">
      <c r="A5" s="72" t="s">
        <v>9</v>
      </c>
      <c r="B5" s="72"/>
      <c r="C5" s="72"/>
      <c r="D5" s="15"/>
      <c r="E5" s="36">
        <v>2648174</v>
      </c>
      <c r="F5" s="15"/>
      <c r="G5" s="36">
        <v>2073211</v>
      </c>
      <c r="H5" s="50">
        <v>1.2773297073959187</v>
      </c>
      <c r="I5" s="16" t="s">
        <v>2</v>
      </c>
      <c r="J5" s="16"/>
    </row>
    <row r="6" spans="1:10" ht="12" customHeight="1" x14ac:dyDescent="0.15">
      <c r="A6" s="5"/>
      <c r="B6" s="9"/>
      <c r="C6" s="17" t="s">
        <v>15</v>
      </c>
      <c r="D6" s="9"/>
      <c r="E6" s="37">
        <v>471070</v>
      </c>
      <c r="F6" s="9"/>
      <c r="G6" s="37">
        <v>428469</v>
      </c>
      <c r="H6" s="51">
        <v>1.0994260961703179</v>
      </c>
      <c r="I6" s="37" t="s">
        <v>1</v>
      </c>
      <c r="J6" s="37"/>
    </row>
    <row r="7" spans="1:10" ht="12" customHeight="1" x14ac:dyDescent="0.15">
      <c r="A7" s="6"/>
      <c r="B7" s="9"/>
      <c r="C7" s="18" t="s">
        <v>13</v>
      </c>
      <c r="D7" s="9"/>
      <c r="E7" s="38">
        <v>325003</v>
      </c>
      <c r="F7" s="9"/>
      <c r="G7" s="38">
        <v>268001</v>
      </c>
      <c r="H7" s="52">
        <v>1.2126932362192679</v>
      </c>
      <c r="I7" s="38" t="s">
        <v>7</v>
      </c>
      <c r="J7" s="38"/>
    </row>
    <row r="8" spans="1:10" ht="12" customHeight="1" x14ac:dyDescent="0.15">
      <c r="A8" s="6"/>
      <c r="B8" s="9"/>
      <c r="C8" s="18" t="s">
        <v>16</v>
      </c>
      <c r="D8" s="9"/>
      <c r="E8" s="38">
        <v>319508</v>
      </c>
      <c r="F8" s="9"/>
      <c r="G8" s="38">
        <v>249936</v>
      </c>
      <c r="H8" s="52">
        <v>1.2783592599705524</v>
      </c>
      <c r="I8" s="38" t="s">
        <v>7</v>
      </c>
      <c r="J8" s="38"/>
    </row>
    <row r="9" spans="1:10" ht="12" customHeight="1" x14ac:dyDescent="0.15">
      <c r="A9" s="6" t="s">
        <v>18</v>
      </c>
      <c r="B9" s="9"/>
      <c r="C9" s="18" t="s">
        <v>19</v>
      </c>
      <c r="D9" s="9"/>
      <c r="E9" s="38">
        <v>87226</v>
      </c>
      <c r="F9" s="9"/>
      <c r="G9" s="38">
        <v>88654</v>
      </c>
      <c r="H9" s="52">
        <v>0.98389243576149976</v>
      </c>
      <c r="I9" s="38" t="s">
        <v>7</v>
      </c>
      <c r="J9" s="38"/>
    </row>
    <row r="10" spans="1:10" ht="12" customHeight="1" x14ac:dyDescent="0.15">
      <c r="A10" s="6" t="s">
        <v>20</v>
      </c>
      <c r="B10" s="9"/>
      <c r="C10" s="18" t="s">
        <v>21</v>
      </c>
      <c r="D10" s="9"/>
      <c r="E10" s="38">
        <v>27813</v>
      </c>
      <c r="F10" s="9"/>
      <c r="G10" s="38">
        <v>31793</v>
      </c>
      <c r="H10" s="52">
        <v>0.87481521089548009</v>
      </c>
      <c r="I10" s="38" t="s">
        <v>7</v>
      </c>
      <c r="J10" s="38"/>
    </row>
    <row r="11" spans="1:10" ht="12" customHeight="1" x14ac:dyDescent="0.15">
      <c r="A11" s="6"/>
      <c r="B11" s="9"/>
      <c r="C11" s="18" t="s">
        <v>17</v>
      </c>
      <c r="D11" s="9"/>
      <c r="E11" s="38">
        <v>812761</v>
      </c>
      <c r="F11" s="9"/>
      <c r="G11" s="38">
        <v>724696</v>
      </c>
      <c r="H11" s="52">
        <v>1.1215199200768322</v>
      </c>
      <c r="I11" s="38" t="s">
        <v>7</v>
      </c>
      <c r="J11" s="38"/>
    </row>
    <row r="12" spans="1:10" ht="12" customHeight="1" x14ac:dyDescent="0.15">
      <c r="A12" s="6"/>
      <c r="B12" s="9"/>
      <c r="C12" s="18" t="s">
        <v>11</v>
      </c>
      <c r="D12" s="9"/>
      <c r="E12" s="38">
        <v>601000</v>
      </c>
      <c r="F12" s="9"/>
      <c r="G12" s="38">
        <v>278500</v>
      </c>
      <c r="H12" s="52">
        <v>2.1579892280071813</v>
      </c>
      <c r="I12" s="38" t="s">
        <v>7</v>
      </c>
      <c r="J12" s="38"/>
    </row>
    <row r="13" spans="1:10" ht="12" customHeight="1" thickBot="1" x14ac:dyDescent="0.2">
      <c r="A13" s="7"/>
      <c r="B13" s="11"/>
      <c r="C13" s="19" t="s">
        <v>22</v>
      </c>
      <c r="D13" s="11"/>
      <c r="E13" s="39">
        <v>3793</v>
      </c>
      <c r="F13" s="11"/>
      <c r="G13" s="39">
        <v>3162</v>
      </c>
      <c r="H13" s="53">
        <v>1.1995572422517393</v>
      </c>
      <c r="I13" s="39" t="s">
        <v>7</v>
      </c>
      <c r="J13" s="39"/>
    </row>
    <row r="14" spans="1:10" ht="12" customHeight="1" thickTop="1" x14ac:dyDescent="0.15">
      <c r="A14" s="6"/>
      <c r="B14" s="12"/>
      <c r="C14" s="12" t="s">
        <v>52</v>
      </c>
      <c r="D14" s="15"/>
      <c r="E14" s="40">
        <v>463095</v>
      </c>
      <c r="F14" s="15"/>
      <c r="G14" s="40">
        <v>436206</v>
      </c>
      <c r="H14" s="50">
        <v>1.0616428934952751</v>
      </c>
      <c r="I14" s="48" t="s">
        <v>24</v>
      </c>
      <c r="J14" s="48"/>
    </row>
    <row r="15" spans="1:10" ht="12" customHeight="1" x14ac:dyDescent="0.15">
      <c r="A15" s="6"/>
      <c r="B15" s="13"/>
      <c r="C15" s="65" t="s">
        <v>103</v>
      </c>
      <c r="D15" s="15"/>
      <c r="E15" s="37">
        <v>391142</v>
      </c>
      <c r="F15" s="9"/>
      <c r="G15" s="37">
        <v>354439</v>
      </c>
      <c r="H15" s="54"/>
      <c r="I15" s="41" t="s">
        <v>44</v>
      </c>
      <c r="J15" s="41"/>
    </row>
    <row r="16" spans="1:10" ht="12" customHeight="1" x14ac:dyDescent="0.15">
      <c r="A16" s="6"/>
      <c r="B16" s="9"/>
      <c r="C16" s="66" t="s">
        <v>104</v>
      </c>
      <c r="D16" s="30"/>
      <c r="E16" s="41">
        <v>344407</v>
      </c>
      <c r="F16" s="45"/>
      <c r="G16" s="41"/>
      <c r="H16" s="54" t="s">
        <v>63</v>
      </c>
      <c r="I16" s="38" t="s">
        <v>7</v>
      </c>
      <c r="J16" s="41"/>
    </row>
    <row r="17" spans="1:12" ht="12" customHeight="1" x14ac:dyDescent="0.15">
      <c r="A17" s="6"/>
      <c r="B17" s="9"/>
      <c r="C17" s="28" t="s">
        <v>105</v>
      </c>
      <c r="D17" s="30"/>
      <c r="E17" s="38">
        <v>231860</v>
      </c>
      <c r="F17" s="45"/>
      <c r="G17" s="41"/>
      <c r="H17" s="54"/>
      <c r="I17" s="38" t="s">
        <v>7</v>
      </c>
      <c r="J17" s="41"/>
    </row>
    <row r="18" spans="1:12" ht="12" customHeight="1" x14ac:dyDescent="0.15">
      <c r="A18" s="6"/>
      <c r="B18" s="9"/>
      <c r="C18" s="28" t="s">
        <v>106</v>
      </c>
      <c r="D18" s="30"/>
      <c r="E18" s="38">
        <v>17011</v>
      </c>
      <c r="F18" s="45"/>
      <c r="G18" s="41"/>
      <c r="H18" s="54"/>
      <c r="I18" s="38" t="s">
        <v>7</v>
      </c>
      <c r="J18" s="41"/>
    </row>
    <row r="19" spans="1:12" ht="12" customHeight="1" x14ac:dyDescent="0.15">
      <c r="A19" s="6" t="s">
        <v>23</v>
      </c>
      <c r="B19" s="9"/>
      <c r="C19" s="67" t="s">
        <v>107</v>
      </c>
      <c r="D19" s="30"/>
      <c r="E19" s="68">
        <v>95536</v>
      </c>
      <c r="F19" s="45"/>
      <c r="G19" s="68"/>
      <c r="H19" s="69"/>
      <c r="I19" s="38" t="s">
        <v>7</v>
      </c>
      <c r="J19" s="41"/>
    </row>
    <row r="20" spans="1:12" ht="12" customHeight="1" x14ac:dyDescent="0.15">
      <c r="A20" s="6" t="s">
        <v>26</v>
      </c>
      <c r="B20" s="9"/>
      <c r="C20" s="28" t="s">
        <v>108</v>
      </c>
      <c r="D20" s="30"/>
      <c r="E20" s="41">
        <v>46735</v>
      </c>
      <c r="F20" s="45"/>
      <c r="G20" s="41"/>
      <c r="H20" s="54"/>
      <c r="I20" s="38" t="s">
        <v>7</v>
      </c>
      <c r="J20" s="41"/>
    </row>
    <row r="21" spans="1:12" ht="12" customHeight="1" x14ac:dyDescent="0.15">
      <c r="A21" s="6" t="s">
        <v>49</v>
      </c>
      <c r="B21" s="9"/>
      <c r="C21" s="18" t="s">
        <v>72</v>
      </c>
      <c r="D21" s="30"/>
      <c r="E21" s="38">
        <v>0</v>
      </c>
      <c r="F21" s="45"/>
      <c r="G21" s="38"/>
      <c r="H21" s="52" t="s">
        <v>63</v>
      </c>
      <c r="I21" s="38" t="s">
        <v>7</v>
      </c>
      <c r="J21" s="38"/>
    </row>
    <row r="22" spans="1:12" ht="12" customHeight="1" x14ac:dyDescent="0.15">
      <c r="A22" s="6"/>
      <c r="B22" s="9"/>
      <c r="C22" s="18" t="s">
        <v>73</v>
      </c>
      <c r="D22" s="30"/>
      <c r="E22" s="38">
        <v>16296</v>
      </c>
      <c r="F22" s="45"/>
      <c r="G22" s="38">
        <v>15053</v>
      </c>
      <c r="H22" s="52">
        <v>1.0825749020128879</v>
      </c>
      <c r="I22" s="38" t="s">
        <v>7</v>
      </c>
      <c r="J22" s="38"/>
    </row>
    <row r="23" spans="1:12" ht="12" customHeight="1" x14ac:dyDescent="0.15">
      <c r="A23" s="6"/>
      <c r="B23" s="9"/>
      <c r="C23" s="18" t="s">
        <v>75</v>
      </c>
      <c r="D23" s="30"/>
      <c r="E23" s="38">
        <v>16901</v>
      </c>
      <c r="F23" s="45"/>
      <c r="G23" s="38">
        <v>47656</v>
      </c>
      <c r="H23" s="52">
        <v>0.35464579486318615</v>
      </c>
      <c r="I23" s="38" t="s">
        <v>7</v>
      </c>
      <c r="J23" s="38" t="s">
        <v>109</v>
      </c>
    </row>
    <row r="24" spans="1:12" ht="12" customHeight="1" x14ac:dyDescent="0.15">
      <c r="A24" s="6"/>
      <c r="B24" s="16"/>
      <c r="C24" s="26" t="s">
        <v>76</v>
      </c>
      <c r="D24" s="33"/>
      <c r="E24" s="43">
        <v>38756</v>
      </c>
      <c r="F24" s="48"/>
      <c r="G24" s="43">
        <v>19058</v>
      </c>
      <c r="H24" s="56">
        <v>2.0335816979746038</v>
      </c>
      <c r="I24" s="43" t="s">
        <v>7</v>
      </c>
      <c r="J24" s="38" t="s">
        <v>109</v>
      </c>
    </row>
    <row r="25" spans="1:12" ht="12" customHeight="1" thickBot="1" x14ac:dyDescent="0.2">
      <c r="A25" s="7"/>
      <c r="B25" s="14"/>
      <c r="C25" s="23" t="s">
        <v>25</v>
      </c>
      <c r="D25" s="32"/>
      <c r="E25" s="42">
        <v>2185079</v>
      </c>
      <c r="F25" s="46"/>
      <c r="G25" s="42">
        <v>1637005</v>
      </c>
      <c r="H25" s="55">
        <v>1.3348028869795756</v>
      </c>
      <c r="I25" s="57" t="s">
        <v>53</v>
      </c>
      <c r="J25" s="57"/>
    </row>
    <row r="26" spans="1:12" ht="12" customHeight="1" thickTop="1" x14ac:dyDescent="0.15">
      <c r="A26" s="6"/>
      <c r="B26" s="15"/>
      <c r="C26" s="24" t="s">
        <v>27</v>
      </c>
      <c r="D26" s="13"/>
      <c r="E26" s="40">
        <v>2293681.0151112019</v>
      </c>
      <c r="F26" s="47"/>
      <c r="G26" s="40">
        <v>1683210</v>
      </c>
      <c r="H26" s="50">
        <v>1.362682621367032</v>
      </c>
      <c r="I26" s="48" t="s">
        <v>79</v>
      </c>
      <c r="J26" s="48"/>
    </row>
    <row r="27" spans="1:12" ht="12" customHeight="1" x14ac:dyDescent="0.15">
      <c r="A27" s="6"/>
      <c r="B27" s="9"/>
      <c r="C27" s="25" t="s">
        <v>28</v>
      </c>
      <c r="D27" s="30"/>
      <c r="E27" s="37">
        <v>543312.61870999995</v>
      </c>
      <c r="F27" s="45"/>
      <c r="G27" s="37">
        <v>403127</v>
      </c>
      <c r="H27" s="51">
        <v>1.3477455459693841</v>
      </c>
      <c r="I27" s="37" t="s">
        <v>7</v>
      </c>
      <c r="J27" s="37"/>
    </row>
    <row r="28" spans="1:12" ht="12" customHeight="1" x14ac:dyDescent="0.15">
      <c r="A28" s="6"/>
      <c r="B28" s="9"/>
      <c r="C28" s="18" t="s">
        <v>31</v>
      </c>
      <c r="D28" s="30"/>
      <c r="E28" s="38">
        <v>468379.3575712</v>
      </c>
      <c r="F28" s="45"/>
      <c r="G28" s="38">
        <v>388201</v>
      </c>
      <c r="H28" s="52">
        <v>1.2065382561384437</v>
      </c>
      <c r="I28" s="38" t="s">
        <v>7</v>
      </c>
      <c r="J28" s="38"/>
    </row>
    <row r="29" spans="1:12" ht="12" customHeight="1" x14ac:dyDescent="0.15">
      <c r="A29" s="6" t="s">
        <v>5</v>
      </c>
      <c r="B29" s="9"/>
      <c r="C29" s="18" t="s">
        <v>32</v>
      </c>
      <c r="D29" s="30"/>
      <c r="E29" s="38">
        <v>376395.56331600004</v>
      </c>
      <c r="F29" s="45"/>
      <c r="G29" s="38">
        <v>369727</v>
      </c>
      <c r="H29" s="52">
        <v>1.0180364520740981</v>
      </c>
      <c r="I29" s="38" t="s">
        <v>7</v>
      </c>
      <c r="J29" s="38"/>
    </row>
    <row r="30" spans="1:12" ht="12" customHeight="1" x14ac:dyDescent="0.15">
      <c r="A30" s="6" t="s">
        <v>20</v>
      </c>
      <c r="B30" s="9"/>
      <c r="C30" s="18" t="s">
        <v>33</v>
      </c>
      <c r="D30" s="30"/>
      <c r="E30" s="38">
        <v>146046.79610000001</v>
      </c>
      <c r="F30" s="45"/>
      <c r="G30" s="38">
        <v>136310</v>
      </c>
      <c r="H30" s="52">
        <v>1.0714312676986282</v>
      </c>
      <c r="I30" s="38" t="s">
        <v>7</v>
      </c>
      <c r="J30" s="38"/>
    </row>
    <row r="31" spans="1:12" ht="12" customHeight="1" x14ac:dyDescent="0.15">
      <c r="A31" s="6"/>
      <c r="B31" s="9"/>
      <c r="C31" s="18" t="s">
        <v>34</v>
      </c>
      <c r="D31" s="30"/>
      <c r="E31" s="38">
        <v>268043.98286873201</v>
      </c>
      <c r="F31" s="45"/>
      <c r="G31" s="38">
        <v>202039</v>
      </c>
      <c r="H31" s="52">
        <v>1.3266942662987444</v>
      </c>
      <c r="I31" s="38" t="s">
        <v>7</v>
      </c>
      <c r="J31" s="38"/>
    </row>
    <row r="32" spans="1:12" ht="12" customHeight="1" x14ac:dyDescent="0.15">
      <c r="A32" s="6"/>
      <c r="B32" s="9"/>
      <c r="C32" s="18" t="s">
        <v>4</v>
      </c>
      <c r="D32" s="30"/>
      <c r="E32" s="38">
        <v>214810.88432926999</v>
      </c>
      <c r="F32" s="45"/>
      <c r="G32" s="38">
        <v>13783</v>
      </c>
      <c r="H32" s="52">
        <v>15.585205276737284</v>
      </c>
      <c r="I32" s="38" t="s">
        <v>7</v>
      </c>
      <c r="J32" s="38"/>
      <c r="K32" s="70" t="s">
        <v>51</v>
      </c>
      <c r="L32" s="71"/>
    </row>
    <row r="33" spans="1:10" ht="12" customHeight="1" x14ac:dyDescent="0.15">
      <c r="A33" s="6"/>
      <c r="B33" s="16"/>
      <c r="C33" s="26" t="s">
        <v>35</v>
      </c>
      <c r="D33" s="33"/>
      <c r="E33" s="43">
        <v>276691.81221599999</v>
      </c>
      <c r="F33" s="48"/>
      <c r="G33" s="43">
        <v>170023</v>
      </c>
      <c r="H33" s="56">
        <v>1.6273787206201513</v>
      </c>
      <c r="I33" s="43" t="s">
        <v>80</v>
      </c>
      <c r="J33" s="43"/>
    </row>
    <row r="34" spans="1:10" ht="12" customHeight="1" thickBot="1" x14ac:dyDescent="0.2">
      <c r="A34" s="7"/>
      <c r="B34" s="14"/>
      <c r="C34" s="27" t="s">
        <v>36</v>
      </c>
      <c r="D34" s="32"/>
      <c r="E34" s="42">
        <v>354492.98488879809</v>
      </c>
      <c r="F34" s="46"/>
      <c r="G34" s="42">
        <v>390001</v>
      </c>
      <c r="H34" s="55">
        <v>0.90895404085835185</v>
      </c>
      <c r="I34" s="57" t="s">
        <v>37</v>
      </c>
      <c r="J34" s="57"/>
    </row>
    <row r="35" spans="1:10" ht="12" customHeight="1" thickTop="1" x14ac:dyDescent="0.15">
      <c r="A35" s="6"/>
      <c r="B35" s="9"/>
      <c r="C35" s="28" t="s">
        <v>38</v>
      </c>
      <c r="D35" s="30"/>
      <c r="E35" s="41">
        <v>259521.052</v>
      </c>
      <c r="F35" s="45"/>
      <c r="G35" s="41">
        <v>120750</v>
      </c>
      <c r="H35" s="54">
        <v>2.1492426666666664</v>
      </c>
      <c r="I35" s="41" t="s">
        <v>110</v>
      </c>
      <c r="J35" s="41"/>
    </row>
    <row r="36" spans="1:10" ht="12" customHeight="1" x14ac:dyDescent="0.15">
      <c r="A36" s="6" t="s">
        <v>40</v>
      </c>
      <c r="B36" s="9"/>
      <c r="C36" s="18" t="s">
        <v>3</v>
      </c>
      <c r="D36" s="30"/>
      <c r="E36" s="38">
        <v>246280.182</v>
      </c>
      <c r="F36" s="45"/>
      <c r="G36" s="38">
        <v>113934</v>
      </c>
      <c r="H36" s="52">
        <v>2.1616039285902366</v>
      </c>
      <c r="I36" s="38" t="s">
        <v>7</v>
      </c>
      <c r="J36" s="38"/>
    </row>
    <row r="37" spans="1:10" ht="12" customHeight="1" x14ac:dyDescent="0.15">
      <c r="A37" s="6" t="s">
        <v>14</v>
      </c>
      <c r="B37" s="9"/>
      <c r="C37" s="18" t="s">
        <v>41</v>
      </c>
      <c r="D37" s="30"/>
      <c r="E37" s="38">
        <v>1742498.4920000001</v>
      </c>
      <c r="F37" s="45"/>
      <c r="G37" s="38">
        <v>1653448</v>
      </c>
      <c r="H37" s="52">
        <v>1.0538574494027029</v>
      </c>
      <c r="I37" s="38" t="s">
        <v>7</v>
      </c>
      <c r="J37" s="38"/>
    </row>
    <row r="38" spans="1:10" ht="12" customHeight="1" thickBot="1" x14ac:dyDescent="0.2">
      <c r="A38" s="7"/>
      <c r="B38" s="11"/>
      <c r="C38" s="19" t="s">
        <v>35</v>
      </c>
      <c r="D38" s="34"/>
      <c r="E38" s="44">
        <v>399874.27399999974</v>
      </c>
      <c r="F38" s="49"/>
      <c r="G38" s="39">
        <v>185079</v>
      </c>
      <c r="H38" s="53">
        <v>2.1605599446722739</v>
      </c>
      <c r="I38" s="39" t="s">
        <v>12</v>
      </c>
      <c r="J38" s="39"/>
    </row>
    <row r="39" spans="1:10" ht="12" customHeight="1" thickTop="1" x14ac:dyDescent="0.15">
      <c r="A39" s="72" t="s">
        <v>29</v>
      </c>
      <c r="B39" s="72"/>
      <c r="C39" s="72"/>
      <c r="D39" s="13"/>
      <c r="E39" s="40">
        <v>6103325.9991999995</v>
      </c>
      <c r="F39" s="47"/>
      <c r="G39" s="40">
        <v>4950420</v>
      </c>
      <c r="H39" s="50">
        <v>1.2328905424590235</v>
      </c>
      <c r="I39" s="48" t="s">
        <v>42</v>
      </c>
      <c r="J39" s="48"/>
    </row>
    <row r="40" spans="1:10" ht="12" customHeight="1" x14ac:dyDescent="0.15">
      <c r="A40" s="5" t="s">
        <v>5</v>
      </c>
      <c r="B40" s="9"/>
      <c r="C40" s="25" t="s">
        <v>27</v>
      </c>
      <c r="D40" s="30"/>
      <c r="E40" s="37">
        <v>5286308.5061286613</v>
      </c>
      <c r="F40" s="45"/>
      <c r="G40" s="37">
        <v>4009840</v>
      </c>
      <c r="H40" s="51">
        <v>1.3183340248310809</v>
      </c>
      <c r="I40" s="37" t="s">
        <v>82</v>
      </c>
      <c r="J40" s="37"/>
    </row>
    <row r="41" spans="1:10" ht="12" customHeight="1" thickBot="1" x14ac:dyDescent="0.2">
      <c r="A41" s="7" t="s">
        <v>20</v>
      </c>
      <c r="B41" s="11"/>
      <c r="C41" s="19" t="s">
        <v>36</v>
      </c>
      <c r="D41" s="34"/>
      <c r="E41" s="39">
        <v>817017.49307133851</v>
      </c>
      <c r="F41" s="49"/>
      <c r="G41" s="39">
        <v>940580</v>
      </c>
      <c r="H41" s="53">
        <v>0.86863158165316989</v>
      </c>
      <c r="I41" s="39" t="s">
        <v>82</v>
      </c>
      <c r="J41" s="39"/>
    </row>
    <row r="42" spans="1:10" ht="12" customHeight="1" thickTop="1" x14ac:dyDescent="0.15">
      <c r="A42" s="6"/>
      <c r="B42" s="9"/>
      <c r="C42" s="28" t="s">
        <v>43</v>
      </c>
      <c r="D42" s="30"/>
      <c r="E42" s="41">
        <v>3782559.96</v>
      </c>
      <c r="F42" s="45"/>
      <c r="G42" s="41">
        <v>3122363</v>
      </c>
      <c r="H42" s="54">
        <v>1.2114414499531285</v>
      </c>
      <c r="I42" s="41" t="s">
        <v>111</v>
      </c>
      <c r="J42" s="41"/>
    </row>
    <row r="43" spans="1:10" ht="12" customHeight="1" x14ac:dyDescent="0.15">
      <c r="A43" s="6" t="s">
        <v>45</v>
      </c>
      <c r="B43" s="9"/>
      <c r="C43" s="18" t="s">
        <v>39</v>
      </c>
      <c r="D43" s="30"/>
      <c r="E43" s="38">
        <v>936300.67200000002</v>
      </c>
      <c r="F43" s="45"/>
      <c r="G43" s="38">
        <v>834850</v>
      </c>
      <c r="H43" s="52">
        <v>1.1215196406540098</v>
      </c>
      <c r="I43" s="38" t="s">
        <v>84</v>
      </c>
      <c r="J43" s="38"/>
    </row>
    <row r="44" spans="1:10" ht="12" customHeight="1" x14ac:dyDescent="0.15">
      <c r="A44" s="6" t="s">
        <v>20</v>
      </c>
      <c r="B44" s="9"/>
      <c r="C44" s="18" t="s">
        <v>46</v>
      </c>
      <c r="D44" s="30"/>
      <c r="E44" s="38">
        <v>285473.15720000002</v>
      </c>
      <c r="F44" s="45"/>
      <c r="G44" s="38">
        <v>132825</v>
      </c>
      <c r="H44" s="52">
        <v>2.1492426666666669</v>
      </c>
      <c r="I44" s="38" t="s">
        <v>85</v>
      </c>
      <c r="J44" s="38"/>
    </row>
    <row r="45" spans="1:10" ht="12" customHeight="1" x14ac:dyDescent="0.15">
      <c r="A45" s="10"/>
      <c r="B45" s="16"/>
      <c r="C45" s="26" t="s">
        <v>35</v>
      </c>
      <c r="D45" s="33"/>
      <c r="E45" s="43">
        <v>1098992.21</v>
      </c>
      <c r="F45" s="48"/>
      <c r="G45" s="43">
        <v>860382</v>
      </c>
      <c r="H45" s="56">
        <v>1.2773305461992464</v>
      </c>
      <c r="I45" s="43" t="s">
        <v>86</v>
      </c>
      <c r="J45" s="43"/>
    </row>
  </sheetData>
  <mergeCells count="8">
    <mergeCell ref="A2:J2"/>
    <mergeCell ref="B3:C3"/>
    <mergeCell ref="D3:E3"/>
    <mergeCell ref="F3:G3"/>
    <mergeCell ref="A4:C4"/>
    <mergeCell ref="A5:C5"/>
    <mergeCell ref="K32:L32"/>
    <mergeCell ref="A39:C39"/>
  </mergeCells>
  <phoneticPr fontId="7"/>
  <conditionalFormatting sqref="A26:I33 A46:XFD1048576">
    <cfRule type="cellIs" dxfId="9" priority="2" stopIfTrue="1" operator="equal">
      <formula>0</formula>
    </cfRule>
  </conditionalFormatting>
  <conditionalFormatting sqref="A1:XFD13 A14:B16 D14:XFD16 A17:XFD24 A25:B25 D25:XFD25 J26:XFD31 J32:K32 M32:XFD32 J33:XFD33">
    <cfRule type="cellIs" dxfId="8" priority="4" stopIfTrue="1" operator="equal">
      <formula>0</formula>
    </cfRule>
  </conditionalFormatting>
  <conditionalFormatting sqref="A34:XFD45">
    <cfRule type="cellIs" dxfId="7" priority="1" stopIfTrue="1" operator="equal">
      <formula>0</formula>
    </cfRule>
  </conditionalFormatting>
  <conditionalFormatting sqref="C14:C15">
    <cfRule type="cellIs" dxfId="6" priority="3" stopIfTrue="1" operator="equal">
      <formula>0</formula>
    </cfRule>
  </conditionalFormatting>
  <pageMargins left="0.59055118110236227" right="0.39370078740157483" top="0.39370078740157483" bottom="0.39" header="0" footer="0"/>
  <pageSetup paperSize="9" scale="92" fitToWidth="0" fitToHeight="0" orientation="landscape" horizontalDpi="65533" verticalDpi="30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BA022C-7670-4103-BEFC-EA87AB6A2E9A}">
  <dimension ref="A1:L42"/>
  <sheetViews>
    <sheetView zoomScaleNormal="100" workbookViewId="0">
      <selection activeCell="E20" sqref="E20"/>
    </sheetView>
  </sheetViews>
  <sheetFormatPr defaultColWidth="9" defaultRowHeight="12" customHeight="1" x14ac:dyDescent="0.15"/>
  <cols>
    <col min="1" max="1" width="8.625" style="78" customWidth="1"/>
    <col min="2" max="2" width="0.875" style="78" customWidth="1"/>
    <col min="3" max="3" width="20.625" style="78" customWidth="1"/>
    <col min="4" max="4" width="0.875" style="78" customWidth="1"/>
    <col min="5" max="5" width="14.625" style="78" customWidth="1"/>
    <col min="6" max="6" width="0.875" style="78" customWidth="1"/>
    <col min="7" max="7" width="14.625" style="78" customWidth="1"/>
    <col min="8" max="8" width="10.625" style="78" customWidth="1"/>
    <col min="9" max="10" width="30.625" style="78" customWidth="1"/>
    <col min="11" max="16384" width="9" style="78"/>
  </cols>
  <sheetData>
    <row r="1" spans="1:10" ht="12" customHeight="1" x14ac:dyDescent="0.15">
      <c r="A1" s="78" t="s">
        <v>0</v>
      </c>
    </row>
    <row r="2" spans="1:10" ht="12" customHeight="1" x14ac:dyDescent="0.15">
      <c r="A2" s="79" t="s">
        <v>112</v>
      </c>
      <c r="B2" s="79"/>
      <c r="C2" s="79"/>
      <c r="D2" s="79"/>
      <c r="E2" s="79"/>
      <c r="F2" s="79"/>
      <c r="G2" s="79"/>
      <c r="H2" s="79"/>
      <c r="I2" s="79"/>
      <c r="J2" s="79"/>
    </row>
    <row r="3" spans="1:10" ht="12" customHeight="1" x14ac:dyDescent="0.15">
      <c r="A3" s="80"/>
      <c r="B3" s="81" t="s">
        <v>113</v>
      </c>
      <c r="C3" s="81"/>
      <c r="D3" s="81"/>
      <c r="E3" s="81"/>
      <c r="F3" s="81"/>
      <c r="G3" s="81"/>
      <c r="H3" s="80"/>
      <c r="I3" s="80"/>
      <c r="J3" s="82" t="s">
        <v>114</v>
      </c>
    </row>
    <row r="4" spans="1:10" ht="2.4500000000000002" customHeight="1" x14ac:dyDescent="0.15">
      <c r="A4" s="80"/>
      <c r="B4" s="80"/>
      <c r="C4" s="80"/>
      <c r="D4" s="80"/>
      <c r="E4" s="80"/>
      <c r="F4" s="80"/>
      <c r="G4" s="80"/>
      <c r="H4" s="80"/>
      <c r="I4" s="80"/>
      <c r="J4" s="83"/>
    </row>
    <row r="5" spans="1:10" s="88" customFormat="1" ht="12" customHeight="1" x14ac:dyDescent="0.15">
      <c r="A5" s="84" t="s">
        <v>6</v>
      </c>
      <c r="B5" s="84"/>
      <c r="C5" s="84"/>
      <c r="D5" s="85"/>
      <c r="E5" s="86" t="s">
        <v>115</v>
      </c>
      <c r="F5" s="85"/>
      <c r="G5" s="86" t="s">
        <v>116</v>
      </c>
      <c r="H5" s="87" t="s">
        <v>117</v>
      </c>
      <c r="I5" s="87" t="s">
        <v>118</v>
      </c>
      <c r="J5" s="87" t="s">
        <v>8</v>
      </c>
    </row>
    <row r="6" spans="1:10" ht="12" customHeight="1" x14ac:dyDescent="0.15">
      <c r="A6" s="89" t="s">
        <v>9</v>
      </c>
      <c r="B6" s="89"/>
      <c r="C6" s="89"/>
      <c r="D6" s="90"/>
      <c r="E6" s="91">
        <v>2676707</v>
      </c>
      <c r="F6" s="90"/>
      <c r="G6" s="91">
        <v>2649092</v>
      </c>
      <c r="H6" s="92">
        <v>1.0104243265239561</v>
      </c>
      <c r="I6" s="93" t="s">
        <v>2</v>
      </c>
      <c r="J6" s="93"/>
    </row>
    <row r="7" spans="1:10" ht="12" customHeight="1" x14ac:dyDescent="0.15">
      <c r="A7" s="94"/>
      <c r="B7" s="95"/>
      <c r="C7" s="96" t="s">
        <v>15</v>
      </c>
      <c r="D7" s="95"/>
      <c r="E7" s="97">
        <v>448299</v>
      </c>
      <c r="F7" s="95"/>
      <c r="G7" s="97">
        <v>471070</v>
      </c>
      <c r="H7" s="98">
        <v>0.95166111193665481</v>
      </c>
      <c r="I7" s="97" t="s">
        <v>1</v>
      </c>
      <c r="J7" s="97"/>
    </row>
    <row r="8" spans="1:10" ht="12" customHeight="1" x14ac:dyDescent="0.15">
      <c r="A8" s="99"/>
      <c r="B8" s="95"/>
      <c r="C8" s="100" t="s">
        <v>13</v>
      </c>
      <c r="D8" s="95"/>
      <c r="E8" s="101">
        <v>338523</v>
      </c>
      <c r="F8" s="95"/>
      <c r="G8" s="101">
        <v>325003</v>
      </c>
      <c r="H8" s="102">
        <v>1.0415996160035446</v>
      </c>
      <c r="I8" s="101" t="s">
        <v>7</v>
      </c>
      <c r="J8" s="101"/>
    </row>
    <row r="9" spans="1:10" ht="12" customHeight="1" x14ac:dyDescent="0.15">
      <c r="A9" s="99"/>
      <c r="B9" s="95"/>
      <c r="C9" s="100" t="s">
        <v>16</v>
      </c>
      <c r="D9" s="95"/>
      <c r="E9" s="101">
        <v>352328</v>
      </c>
      <c r="F9" s="95"/>
      <c r="G9" s="101">
        <v>319508</v>
      </c>
      <c r="H9" s="102">
        <v>1.1027204326652227</v>
      </c>
      <c r="I9" s="101" t="s">
        <v>7</v>
      </c>
      <c r="J9" s="101"/>
    </row>
    <row r="10" spans="1:10" ht="12" customHeight="1" x14ac:dyDescent="0.15">
      <c r="A10" s="99" t="s">
        <v>18</v>
      </c>
      <c r="B10" s="95"/>
      <c r="C10" s="100" t="s">
        <v>19</v>
      </c>
      <c r="D10" s="95"/>
      <c r="E10" s="101">
        <v>79615</v>
      </c>
      <c r="F10" s="95"/>
      <c r="G10" s="101">
        <v>87226</v>
      </c>
      <c r="H10" s="102">
        <v>0.91274390663334326</v>
      </c>
      <c r="I10" s="101" t="s">
        <v>7</v>
      </c>
      <c r="J10" s="101"/>
    </row>
    <row r="11" spans="1:10" ht="12" customHeight="1" x14ac:dyDescent="0.15">
      <c r="A11" s="99" t="s">
        <v>20</v>
      </c>
      <c r="B11" s="95"/>
      <c r="C11" s="100" t="s">
        <v>21</v>
      </c>
      <c r="D11" s="95"/>
      <c r="E11" s="101">
        <v>27280</v>
      </c>
      <c r="F11" s="95"/>
      <c r="G11" s="101">
        <v>27813</v>
      </c>
      <c r="H11" s="102">
        <v>0.98083629957214258</v>
      </c>
      <c r="I11" s="101" t="s">
        <v>7</v>
      </c>
      <c r="J11" s="101"/>
    </row>
    <row r="12" spans="1:10" ht="12" customHeight="1" x14ac:dyDescent="0.15">
      <c r="A12" s="99"/>
      <c r="B12" s="95"/>
      <c r="C12" s="100" t="s">
        <v>17</v>
      </c>
      <c r="D12" s="95"/>
      <c r="E12" s="101">
        <v>848200</v>
      </c>
      <c r="F12" s="95"/>
      <c r="G12" s="101">
        <v>813679</v>
      </c>
      <c r="H12" s="102">
        <v>1.0424258214848854</v>
      </c>
      <c r="I12" s="101" t="s">
        <v>7</v>
      </c>
      <c r="J12" s="101"/>
    </row>
    <row r="13" spans="1:10" ht="12" customHeight="1" x14ac:dyDescent="0.15">
      <c r="A13" s="99"/>
      <c r="B13" s="95"/>
      <c r="C13" s="100" t="s">
        <v>11</v>
      </c>
      <c r="D13" s="95"/>
      <c r="E13" s="101">
        <v>579100</v>
      </c>
      <c r="F13" s="95"/>
      <c r="G13" s="101">
        <v>601000</v>
      </c>
      <c r="H13" s="102">
        <v>0.96356073211314475</v>
      </c>
      <c r="I13" s="101" t="s">
        <v>7</v>
      </c>
      <c r="J13" s="101"/>
    </row>
    <row r="14" spans="1:10" ht="12" customHeight="1" thickBot="1" x14ac:dyDescent="0.2">
      <c r="A14" s="103"/>
      <c r="B14" s="104"/>
      <c r="C14" s="105" t="s">
        <v>22</v>
      </c>
      <c r="D14" s="104"/>
      <c r="E14" s="106">
        <v>3362</v>
      </c>
      <c r="F14" s="104"/>
      <c r="G14" s="106">
        <v>3793</v>
      </c>
      <c r="H14" s="107">
        <v>0.88636962826258903</v>
      </c>
      <c r="I14" s="106" t="s">
        <v>7</v>
      </c>
      <c r="J14" s="106"/>
    </row>
    <row r="15" spans="1:10" ht="12" customHeight="1" thickTop="1" x14ac:dyDescent="0.15">
      <c r="A15" s="108"/>
      <c r="B15" s="109"/>
      <c r="C15" s="109" t="s">
        <v>119</v>
      </c>
      <c r="D15" s="90"/>
      <c r="E15" s="110">
        <v>497336</v>
      </c>
      <c r="F15" s="90"/>
      <c r="G15" s="110">
        <v>463356</v>
      </c>
      <c r="H15" s="92">
        <v>1.0733345419073024</v>
      </c>
      <c r="I15" s="111" t="s">
        <v>24</v>
      </c>
      <c r="J15" s="111"/>
    </row>
    <row r="16" spans="1:10" ht="12" customHeight="1" x14ac:dyDescent="0.15">
      <c r="A16" s="99"/>
      <c r="B16" s="112"/>
      <c r="C16" s="113" t="s">
        <v>120</v>
      </c>
      <c r="D16" s="90"/>
      <c r="E16" s="114">
        <v>51603</v>
      </c>
      <c r="F16" s="95"/>
      <c r="G16" s="97">
        <v>46996</v>
      </c>
      <c r="H16" s="115"/>
      <c r="I16" s="114" t="s">
        <v>121</v>
      </c>
      <c r="J16" s="114"/>
    </row>
    <row r="17" spans="1:12" ht="12" customHeight="1" x14ac:dyDescent="0.15">
      <c r="A17" s="99" t="s">
        <v>23</v>
      </c>
      <c r="B17" s="95"/>
      <c r="C17" s="116" t="s">
        <v>122</v>
      </c>
      <c r="D17" s="117"/>
      <c r="E17" s="101">
        <v>23404</v>
      </c>
      <c r="F17" s="118"/>
      <c r="G17" s="114">
        <v>17011</v>
      </c>
      <c r="H17" s="115"/>
      <c r="I17" s="101" t="s">
        <v>7</v>
      </c>
      <c r="J17" s="114"/>
    </row>
    <row r="18" spans="1:12" ht="12" customHeight="1" x14ac:dyDescent="0.15">
      <c r="A18" s="99" t="s">
        <v>26</v>
      </c>
      <c r="B18" s="95"/>
      <c r="C18" s="116" t="s">
        <v>123</v>
      </c>
      <c r="D18" s="117"/>
      <c r="E18" s="101">
        <v>278159</v>
      </c>
      <c r="F18" s="118"/>
      <c r="G18" s="114">
        <v>231860</v>
      </c>
      <c r="H18" s="115"/>
      <c r="I18" s="101" t="s">
        <v>7</v>
      </c>
      <c r="J18" s="114"/>
    </row>
    <row r="19" spans="1:12" ht="12" customHeight="1" x14ac:dyDescent="0.15">
      <c r="A19" s="99" t="s">
        <v>124</v>
      </c>
      <c r="B19" s="95"/>
      <c r="C19" s="119" t="s">
        <v>125</v>
      </c>
      <c r="D19" s="120"/>
      <c r="E19" s="101">
        <v>88507</v>
      </c>
      <c r="F19" s="114"/>
      <c r="G19" s="101">
        <v>95536</v>
      </c>
      <c r="H19" s="102"/>
      <c r="I19" s="101" t="s">
        <v>7</v>
      </c>
      <c r="J19" s="114"/>
    </row>
    <row r="20" spans="1:12" ht="12" customHeight="1" x14ac:dyDescent="0.15">
      <c r="A20" s="95"/>
      <c r="B20" s="95"/>
      <c r="C20" s="116" t="s">
        <v>126</v>
      </c>
      <c r="D20" s="117"/>
      <c r="E20" s="101">
        <v>55663</v>
      </c>
      <c r="F20" s="118"/>
      <c r="G20" s="114">
        <v>71953</v>
      </c>
      <c r="H20" s="115"/>
      <c r="I20" s="101" t="s">
        <v>7</v>
      </c>
      <c r="J20" s="114"/>
    </row>
    <row r="21" spans="1:12" ht="12" customHeight="1" x14ac:dyDescent="0.15">
      <c r="A21" s="95"/>
      <c r="B21" s="95"/>
      <c r="C21" s="119" t="s">
        <v>127</v>
      </c>
      <c r="D21" s="117"/>
      <c r="E21" s="101">
        <v>0</v>
      </c>
      <c r="F21" s="118"/>
      <c r="G21" s="101"/>
      <c r="H21" s="102" t="s">
        <v>63</v>
      </c>
      <c r="I21" s="101" t="s">
        <v>7</v>
      </c>
      <c r="J21" s="101"/>
    </row>
    <row r="22" spans="1:12" ht="12" customHeight="1" thickBot="1" x14ac:dyDescent="0.2">
      <c r="A22" s="103"/>
      <c r="B22" s="121"/>
      <c r="C22" s="122" t="s">
        <v>128</v>
      </c>
      <c r="D22" s="123"/>
      <c r="E22" s="124">
        <v>2179371</v>
      </c>
      <c r="F22" s="125"/>
      <c r="G22" s="124">
        <v>2185079</v>
      </c>
      <c r="H22" s="126">
        <v>0.99738773746853093</v>
      </c>
      <c r="I22" s="127" t="s">
        <v>129</v>
      </c>
      <c r="J22" s="127"/>
    </row>
    <row r="23" spans="1:12" ht="12" customHeight="1" thickTop="1" x14ac:dyDescent="0.15">
      <c r="A23" s="99"/>
      <c r="B23" s="90"/>
      <c r="C23" s="128" t="s">
        <v>27</v>
      </c>
      <c r="D23" s="112"/>
      <c r="E23" s="110">
        <v>2267241.9789610608</v>
      </c>
      <c r="F23" s="129"/>
      <c r="G23" s="110">
        <v>2294476</v>
      </c>
      <c r="H23" s="92">
        <v>0.9881306141188928</v>
      </c>
      <c r="I23" s="111"/>
      <c r="J23" s="111"/>
    </row>
    <row r="24" spans="1:12" ht="12" customHeight="1" x14ac:dyDescent="0.15">
      <c r="A24" s="99"/>
      <c r="B24" s="95"/>
      <c r="C24" s="130" t="s">
        <v>28</v>
      </c>
      <c r="D24" s="117"/>
      <c r="E24" s="97">
        <v>470163.28014418058</v>
      </c>
      <c r="F24" s="118"/>
      <c r="G24" s="97">
        <v>543501</v>
      </c>
      <c r="H24" s="98">
        <v>0.86506424117744141</v>
      </c>
      <c r="I24" s="97"/>
      <c r="J24" s="97"/>
    </row>
    <row r="25" spans="1:12" ht="12" customHeight="1" x14ac:dyDescent="0.15">
      <c r="A25" s="99"/>
      <c r="B25" s="95"/>
      <c r="C25" s="100" t="s">
        <v>31</v>
      </c>
      <c r="D25" s="117"/>
      <c r="E25" s="101">
        <v>447718.25019523432</v>
      </c>
      <c r="F25" s="118"/>
      <c r="G25" s="101">
        <v>468542</v>
      </c>
      <c r="H25" s="102">
        <v>0.9555562792561485</v>
      </c>
      <c r="I25" s="101"/>
      <c r="J25" s="101"/>
    </row>
    <row r="26" spans="1:12" ht="12" customHeight="1" x14ac:dyDescent="0.15">
      <c r="A26" s="99" t="s">
        <v>5</v>
      </c>
      <c r="B26" s="95"/>
      <c r="C26" s="100" t="s">
        <v>32</v>
      </c>
      <c r="D26" s="117"/>
      <c r="E26" s="101">
        <v>378077.25360451383</v>
      </c>
      <c r="F26" s="118"/>
      <c r="G26" s="101">
        <v>376526</v>
      </c>
      <c r="H26" s="102">
        <v>1.0041199109875913</v>
      </c>
      <c r="I26" s="101"/>
      <c r="J26" s="101"/>
    </row>
    <row r="27" spans="1:12" ht="12" customHeight="1" x14ac:dyDescent="0.15">
      <c r="A27" s="99" t="s">
        <v>20</v>
      </c>
      <c r="B27" s="95"/>
      <c r="C27" s="100" t="s">
        <v>33</v>
      </c>
      <c r="D27" s="117"/>
      <c r="E27" s="101">
        <v>148838.76815679268</v>
      </c>
      <c r="F27" s="118"/>
      <c r="G27" s="101">
        <v>146097</v>
      </c>
      <c r="H27" s="102">
        <v>1.0187667656200516</v>
      </c>
      <c r="I27" s="101"/>
      <c r="J27" s="101"/>
    </row>
    <row r="28" spans="1:12" ht="12" customHeight="1" x14ac:dyDescent="0.15">
      <c r="A28" s="99"/>
      <c r="B28" s="95"/>
      <c r="C28" s="100" t="s">
        <v>34</v>
      </c>
      <c r="D28" s="117"/>
      <c r="E28" s="101">
        <v>320795.3945759022</v>
      </c>
      <c r="F28" s="118"/>
      <c r="G28" s="101">
        <v>268137</v>
      </c>
      <c r="H28" s="102">
        <v>1.1963861554947739</v>
      </c>
      <c r="I28" s="101"/>
      <c r="J28" s="101"/>
    </row>
    <row r="29" spans="1:12" ht="12" customHeight="1" x14ac:dyDescent="0.15">
      <c r="A29" s="99"/>
      <c r="B29" s="95"/>
      <c r="C29" s="100" t="s">
        <v>4</v>
      </c>
      <c r="D29" s="117"/>
      <c r="E29" s="101">
        <v>282966.7658115403</v>
      </c>
      <c r="F29" s="118"/>
      <c r="G29" s="101">
        <v>214885</v>
      </c>
      <c r="H29" s="102">
        <v>1.3168288424577812</v>
      </c>
      <c r="I29" s="101"/>
      <c r="J29" s="101"/>
      <c r="K29" s="131" t="s">
        <v>130</v>
      </c>
      <c r="L29" s="132"/>
    </row>
    <row r="30" spans="1:12" ht="12" customHeight="1" x14ac:dyDescent="0.15">
      <c r="A30" s="99"/>
      <c r="B30" s="93"/>
      <c r="C30" s="133" t="s">
        <v>35</v>
      </c>
      <c r="D30" s="134"/>
      <c r="E30" s="135">
        <v>218682.26647289659</v>
      </c>
      <c r="F30" s="111"/>
      <c r="G30" s="135">
        <v>276788</v>
      </c>
      <c r="H30" s="136">
        <v>0.79007134150648362</v>
      </c>
      <c r="I30" s="135"/>
      <c r="J30" s="135"/>
    </row>
    <row r="31" spans="1:12" ht="12" customHeight="1" thickBot="1" x14ac:dyDescent="0.2">
      <c r="A31" s="103"/>
      <c r="B31" s="121"/>
      <c r="C31" s="137" t="s">
        <v>36</v>
      </c>
      <c r="D31" s="123"/>
      <c r="E31" s="124">
        <v>409465.02103893925</v>
      </c>
      <c r="F31" s="125"/>
      <c r="G31" s="124">
        <v>354616</v>
      </c>
      <c r="H31" s="126">
        <v>1.1546715913521648</v>
      </c>
      <c r="I31" s="127" t="s">
        <v>37</v>
      </c>
      <c r="J31" s="127"/>
    </row>
    <row r="32" spans="1:12" ht="12" customHeight="1" thickTop="1" x14ac:dyDescent="0.15">
      <c r="A32" s="99"/>
      <c r="B32" s="95"/>
      <c r="C32" s="138" t="s">
        <v>38</v>
      </c>
      <c r="D32" s="117"/>
      <c r="E32" s="114">
        <v>185185</v>
      </c>
      <c r="F32" s="118"/>
      <c r="G32" s="114">
        <v>259611</v>
      </c>
      <c r="H32" s="115">
        <v>0.71331723232066435</v>
      </c>
      <c r="I32" s="114"/>
      <c r="J32" s="114"/>
    </row>
    <row r="33" spans="1:10" ht="12" customHeight="1" x14ac:dyDescent="0.15">
      <c r="A33" s="99" t="s">
        <v>40</v>
      </c>
      <c r="B33" s="95"/>
      <c r="C33" s="100" t="s">
        <v>3</v>
      </c>
      <c r="D33" s="117"/>
      <c r="E33" s="101">
        <v>355984</v>
      </c>
      <c r="F33" s="118"/>
      <c r="G33" s="101">
        <v>246366</v>
      </c>
      <c r="H33" s="102">
        <v>1.444939642645495</v>
      </c>
      <c r="I33" s="101"/>
      <c r="J33" s="101"/>
    </row>
    <row r="34" spans="1:10" ht="12" customHeight="1" x14ac:dyDescent="0.15">
      <c r="A34" s="99" t="s">
        <v>14</v>
      </c>
      <c r="B34" s="95"/>
      <c r="C34" s="100" t="s">
        <v>41</v>
      </c>
      <c r="D34" s="117"/>
      <c r="E34" s="101">
        <v>1816077.7430393407</v>
      </c>
      <c r="F34" s="118"/>
      <c r="G34" s="101">
        <v>1743103</v>
      </c>
      <c r="H34" s="102">
        <v>1.0418648485140241</v>
      </c>
      <c r="I34" s="101"/>
      <c r="J34" s="101"/>
    </row>
    <row r="35" spans="1:10" ht="12" customHeight="1" thickBot="1" x14ac:dyDescent="0.2">
      <c r="A35" s="103"/>
      <c r="B35" s="104"/>
      <c r="C35" s="105" t="s">
        <v>35</v>
      </c>
      <c r="D35" s="139"/>
      <c r="E35" s="140">
        <v>319460.25696065929</v>
      </c>
      <c r="F35" s="141"/>
      <c r="G35" s="106">
        <v>400013</v>
      </c>
      <c r="H35" s="107">
        <v>0.79862468709931744</v>
      </c>
      <c r="I35" s="106" t="s">
        <v>12</v>
      </c>
      <c r="J35" s="106"/>
    </row>
    <row r="36" spans="1:10" ht="12" customHeight="1" thickTop="1" x14ac:dyDescent="0.15">
      <c r="A36" s="89" t="s">
        <v>29</v>
      </c>
      <c r="B36" s="89"/>
      <c r="C36" s="89"/>
      <c r="D36" s="112"/>
      <c r="E36" s="110">
        <v>6650813.3449999997</v>
      </c>
      <c r="F36" s="129"/>
      <c r="G36" s="110">
        <v>6106995</v>
      </c>
      <c r="H36" s="92">
        <v>1.0890484346229201</v>
      </c>
      <c r="I36" s="111" t="s">
        <v>42</v>
      </c>
      <c r="J36" s="111"/>
    </row>
    <row r="37" spans="1:10" ht="12" customHeight="1" x14ac:dyDescent="0.15">
      <c r="A37" s="94" t="s">
        <v>5</v>
      </c>
      <c r="B37" s="95"/>
      <c r="C37" s="130" t="s">
        <v>27</v>
      </c>
      <c r="D37" s="117"/>
      <c r="E37" s="97">
        <v>5653191.3432499999</v>
      </c>
      <c r="F37" s="118"/>
      <c r="G37" s="97">
        <v>5289487</v>
      </c>
      <c r="H37" s="98">
        <v>1.0687598519950989</v>
      </c>
      <c r="I37" s="97"/>
      <c r="J37" s="97"/>
    </row>
    <row r="38" spans="1:10" ht="12" customHeight="1" thickBot="1" x14ac:dyDescent="0.2">
      <c r="A38" s="103" t="s">
        <v>20</v>
      </c>
      <c r="B38" s="104"/>
      <c r="C38" s="105" t="s">
        <v>36</v>
      </c>
      <c r="D38" s="139"/>
      <c r="E38" s="106">
        <v>997622.00175000005</v>
      </c>
      <c r="F38" s="141"/>
      <c r="G38" s="106">
        <v>817509</v>
      </c>
      <c r="H38" s="107">
        <v>1.2203192891454406</v>
      </c>
      <c r="I38" s="106"/>
      <c r="J38" s="106"/>
    </row>
    <row r="39" spans="1:10" ht="12" customHeight="1" thickTop="1" x14ac:dyDescent="0.15">
      <c r="A39" s="99"/>
      <c r="B39" s="95"/>
      <c r="C39" s="138" t="s">
        <v>43</v>
      </c>
      <c r="D39" s="117"/>
      <c r="E39" s="114">
        <v>4359150.04</v>
      </c>
      <c r="F39" s="118"/>
      <c r="G39" s="114">
        <v>3784692</v>
      </c>
      <c r="H39" s="115">
        <v>1.1517846207828801</v>
      </c>
      <c r="I39" s="114"/>
      <c r="J39" s="114"/>
    </row>
    <row r="40" spans="1:10" ht="12" customHeight="1" x14ac:dyDescent="0.15">
      <c r="A40" s="99" t="s">
        <v>45</v>
      </c>
      <c r="B40" s="95"/>
      <c r="C40" s="100" t="s">
        <v>39</v>
      </c>
      <c r="D40" s="117"/>
      <c r="E40" s="101">
        <v>977126.40000000002</v>
      </c>
      <c r="F40" s="118"/>
      <c r="G40" s="101">
        <v>937358</v>
      </c>
      <c r="H40" s="102">
        <v>1.042426052799464</v>
      </c>
      <c r="I40" s="101"/>
      <c r="J40" s="101"/>
    </row>
    <row r="41" spans="1:10" ht="12" customHeight="1" x14ac:dyDescent="0.15">
      <c r="A41" s="99" t="s">
        <v>20</v>
      </c>
      <c r="B41" s="95"/>
      <c r="C41" s="100" t="s">
        <v>46</v>
      </c>
      <c r="D41" s="117"/>
      <c r="E41" s="101">
        <v>203703.5</v>
      </c>
      <c r="F41" s="118"/>
      <c r="G41" s="101">
        <v>285572</v>
      </c>
      <c r="H41" s="102">
        <v>0.71331748210608881</v>
      </c>
      <c r="I41" s="101"/>
      <c r="J41" s="101"/>
    </row>
    <row r="42" spans="1:10" ht="12" customHeight="1" x14ac:dyDescent="0.15">
      <c r="A42" s="142"/>
      <c r="B42" s="93"/>
      <c r="C42" s="133" t="s">
        <v>35</v>
      </c>
      <c r="D42" s="134"/>
      <c r="E42" s="135">
        <v>1110833.4049999993</v>
      </c>
      <c r="F42" s="111"/>
      <c r="G42" s="135">
        <v>1099373</v>
      </c>
      <c r="H42" s="136">
        <v>1.0104244919604168</v>
      </c>
      <c r="I42" s="135" t="s">
        <v>10</v>
      </c>
      <c r="J42" s="135"/>
    </row>
  </sheetData>
  <sheetProtection selectLockedCells="1" selectUnlockedCells="1"/>
  <mergeCells count="9">
    <mergeCell ref="A6:C6"/>
    <mergeCell ref="K29:L29"/>
    <mergeCell ref="A36:C36"/>
    <mergeCell ref="A2:J2"/>
    <mergeCell ref="B3:C3"/>
    <mergeCell ref="D3:E3"/>
    <mergeCell ref="F3:G3"/>
    <mergeCell ref="J3:J4"/>
    <mergeCell ref="A5:C5"/>
  </mergeCells>
  <phoneticPr fontId="7"/>
  <conditionalFormatting sqref="A1:XFD3 A4:I4 K4:XFD4 A17:A19 B17:XFD21 A22:B22 D22:XFD22 A23:XFD28 A29:K29 M29:XFD29 A30:XFD1048576">
    <cfRule type="cellIs" dxfId="5" priority="2" stopIfTrue="1" operator="equal">
      <formula>0</formula>
    </cfRule>
  </conditionalFormatting>
  <conditionalFormatting sqref="A5:XFD16">
    <cfRule type="cellIs" dxfId="4" priority="1" stopIfTrue="1" operator="equal">
      <formula>0</formula>
    </cfRule>
  </conditionalFormatting>
  <pageMargins left="0.59055118110236227" right="0.39370078740157483" top="0.39370078740157483" bottom="0.39" header="0" footer="0"/>
  <pageSetup paperSize="9" scale="92" firstPageNumber="0" fitToWidth="0" fitToHeight="0" orientation="landscape" verticalDpi="300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42"/>
  <sheetViews>
    <sheetView view="pageBreakPreview" zoomScale="115" zoomScaleNormal="115" zoomScaleSheetLayoutView="115" workbookViewId="0">
      <selection activeCell="C48" sqref="C48"/>
    </sheetView>
  </sheetViews>
  <sheetFormatPr defaultColWidth="9" defaultRowHeight="12" customHeight="1" x14ac:dyDescent="0.15"/>
  <cols>
    <col min="1" max="1" width="8.625" style="1" customWidth="1"/>
    <col min="2" max="2" width="0.875" style="1" customWidth="1"/>
    <col min="3" max="3" width="20.625" style="1" customWidth="1"/>
    <col min="4" max="4" width="0.875" style="1" customWidth="1"/>
    <col min="5" max="5" width="14.625" style="1" customWidth="1"/>
    <col min="6" max="6" width="0.875" style="1" customWidth="1"/>
    <col min="7" max="7" width="14.625" style="1" customWidth="1"/>
    <col min="8" max="8" width="10.625" style="1" customWidth="1"/>
    <col min="9" max="10" width="30.625" style="1" customWidth="1"/>
    <col min="11" max="16384" width="9" style="1"/>
  </cols>
  <sheetData>
    <row r="1" spans="1:10" ht="12" customHeight="1" x14ac:dyDescent="0.15">
      <c r="A1" s="1" t="s">
        <v>0</v>
      </c>
    </row>
    <row r="2" spans="1:10" ht="12" customHeight="1" x14ac:dyDescent="0.15">
      <c r="A2" s="73" t="s">
        <v>59</v>
      </c>
      <c r="B2" s="73"/>
      <c r="C2" s="73"/>
      <c r="D2" s="73"/>
      <c r="E2" s="73"/>
      <c r="F2" s="73"/>
      <c r="G2" s="73"/>
      <c r="H2" s="73"/>
      <c r="I2" s="73"/>
      <c r="J2" s="73"/>
    </row>
    <row r="3" spans="1:10" ht="12" customHeight="1" x14ac:dyDescent="0.15">
      <c r="A3" s="3"/>
      <c r="B3" s="74" t="s">
        <v>62</v>
      </c>
      <c r="C3" s="74"/>
      <c r="D3" s="74"/>
      <c r="E3" s="74"/>
      <c r="F3" s="74"/>
      <c r="G3" s="74"/>
      <c r="H3" s="3"/>
      <c r="I3" s="3"/>
      <c r="J3" s="76" t="s">
        <v>50</v>
      </c>
    </row>
    <row r="4" spans="1:10" ht="2.4500000000000002" customHeight="1" x14ac:dyDescent="0.15">
      <c r="A4" s="3"/>
      <c r="B4" s="3"/>
      <c r="C4" s="3"/>
      <c r="D4" s="3"/>
      <c r="E4" s="3"/>
      <c r="F4" s="3"/>
      <c r="G4" s="3"/>
      <c r="H4" s="3"/>
      <c r="I4" s="3"/>
      <c r="J4" s="77"/>
    </row>
    <row r="5" spans="1:10" s="2" customFormat="1" ht="12" customHeight="1" x14ac:dyDescent="0.15">
      <c r="A5" s="75" t="s">
        <v>6</v>
      </c>
      <c r="B5" s="75"/>
      <c r="C5" s="75"/>
      <c r="D5" s="29"/>
      <c r="E5" s="35" t="s">
        <v>60</v>
      </c>
      <c r="F5" s="29"/>
      <c r="G5" s="35" t="s">
        <v>61</v>
      </c>
      <c r="H5" s="4" t="s">
        <v>30</v>
      </c>
      <c r="I5" s="4" t="s">
        <v>48</v>
      </c>
      <c r="J5" s="4" t="s">
        <v>8</v>
      </c>
    </row>
    <row r="6" spans="1:10" ht="12" customHeight="1" x14ac:dyDescent="0.15">
      <c r="A6" s="72" t="s">
        <v>9</v>
      </c>
      <c r="B6" s="72"/>
      <c r="C6" s="72"/>
      <c r="D6" s="15"/>
      <c r="E6" s="36">
        <v>2761915</v>
      </c>
      <c r="F6" s="15"/>
      <c r="G6" s="36">
        <v>2676707</v>
      </c>
      <c r="H6" s="50">
        <v>1.0318331442328204</v>
      </c>
      <c r="I6" s="16" t="s">
        <v>2</v>
      </c>
      <c r="J6" s="16"/>
    </row>
    <row r="7" spans="1:10" ht="12" customHeight="1" x14ac:dyDescent="0.15">
      <c r="A7" s="5"/>
      <c r="B7" s="9"/>
      <c r="C7" s="17" t="s">
        <v>15</v>
      </c>
      <c r="D7" s="9"/>
      <c r="E7" s="37">
        <v>428607</v>
      </c>
      <c r="F7" s="9"/>
      <c r="G7" s="37">
        <v>448299</v>
      </c>
      <c r="H7" s="51">
        <v>0.9560739595671639</v>
      </c>
      <c r="I7" s="37" t="s">
        <v>1</v>
      </c>
      <c r="J7" s="37"/>
    </row>
    <row r="8" spans="1:10" ht="12" customHeight="1" x14ac:dyDescent="0.15">
      <c r="A8" s="6"/>
      <c r="B8" s="9"/>
      <c r="C8" s="18" t="s">
        <v>13</v>
      </c>
      <c r="D8" s="9"/>
      <c r="E8" s="38">
        <v>357539</v>
      </c>
      <c r="F8" s="9"/>
      <c r="G8" s="38">
        <v>338523</v>
      </c>
      <c r="H8" s="52">
        <v>1.0561734357783665</v>
      </c>
      <c r="I8" s="38" t="s">
        <v>7</v>
      </c>
      <c r="J8" s="38"/>
    </row>
    <row r="9" spans="1:10" ht="12" customHeight="1" x14ac:dyDescent="0.15">
      <c r="A9" s="6"/>
      <c r="B9" s="9"/>
      <c r="C9" s="18" t="s">
        <v>16</v>
      </c>
      <c r="D9" s="9"/>
      <c r="E9" s="38">
        <v>373827</v>
      </c>
      <c r="F9" s="9"/>
      <c r="G9" s="38">
        <v>352328</v>
      </c>
      <c r="H9" s="52">
        <v>1.0610198451442974</v>
      </c>
      <c r="I9" s="38" t="s">
        <v>7</v>
      </c>
      <c r="J9" s="38"/>
    </row>
    <row r="10" spans="1:10" ht="12" customHeight="1" x14ac:dyDescent="0.15">
      <c r="A10" s="6" t="s">
        <v>18</v>
      </c>
      <c r="B10" s="9"/>
      <c r="C10" s="18" t="s">
        <v>19</v>
      </c>
      <c r="D10" s="9"/>
      <c r="E10" s="38">
        <v>95717</v>
      </c>
      <c r="F10" s="9"/>
      <c r="G10" s="38">
        <v>79615</v>
      </c>
      <c r="H10" s="52">
        <v>1.2022483200401934</v>
      </c>
      <c r="I10" s="38" t="s">
        <v>7</v>
      </c>
      <c r="J10" s="38"/>
    </row>
    <row r="11" spans="1:10" ht="12" customHeight="1" x14ac:dyDescent="0.15">
      <c r="A11" s="6" t="s">
        <v>20</v>
      </c>
      <c r="B11" s="9"/>
      <c r="C11" s="18" t="s">
        <v>21</v>
      </c>
      <c r="D11" s="9"/>
      <c r="E11" s="38">
        <v>28949</v>
      </c>
      <c r="F11" s="9"/>
      <c r="G11" s="38">
        <v>27280</v>
      </c>
      <c r="H11" s="52">
        <v>1.0611803519061584</v>
      </c>
      <c r="I11" s="38" t="s">
        <v>7</v>
      </c>
      <c r="J11" s="38"/>
    </row>
    <row r="12" spans="1:10" ht="12" customHeight="1" x14ac:dyDescent="0.15">
      <c r="A12" s="6"/>
      <c r="B12" s="9"/>
      <c r="C12" s="18" t="s">
        <v>17</v>
      </c>
      <c r="D12" s="9"/>
      <c r="E12" s="38">
        <v>926298</v>
      </c>
      <c r="F12" s="9"/>
      <c r="G12" s="38">
        <v>848200</v>
      </c>
      <c r="H12" s="52">
        <v>1.0920749823154916</v>
      </c>
      <c r="I12" s="38" t="s">
        <v>7</v>
      </c>
      <c r="J12" s="38"/>
    </row>
    <row r="13" spans="1:10" ht="12" customHeight="1" x14ac:dyDescent="0.15">
      <c r="A13" s="6"/>
      <c r="B13" s="9"/>
      <c r="C13" s="18" t="s">
        <v>11</v>
      </c>
      <c r="D13" s="9"/>
      <c r="E13" s="38">
        <v>547200</v>
      </c>
      <c r="F13" s="9"/>
      <c r="G13" s="38">
        <v>579100</v>
      </c>
      <c r="H13" s="52">
        <v>0.9449145225349681</v>
      </c>
      <c r="I13" s="38" t="s">
        <v>7</v>
      </c>
      <c r="J13" s="38"/>
    </row>
    <row r="14" spans="1:10" ht="12" customHeight="1" x14ac:dyDescent="0.15">
      <c r="A14" s="7"/>
      <c r="B14" s="11"/>
      <c r="C14" s="19" t="s">
        <v>22</v>
      </c>
      <c r="D14" s="11"/>
      <c r="E14" s="39">
        <v>3778</v>
      </c>
      <c r="F14" s="11"/>
      <c r="G14" s="39">
        <v>3362</v>
      </c>
      <c r="H14" s="53">
        <v>1.1237358715050565</v>
      </c>
      <c r="I14" s="39" t="s">
        <v>7</v>
      </c>
      <c r="J14" s="39"/>
    </row>
    <row r="15" spans="1:10" ht="12" customHeight="1" x14ac:dyDescent="0.15">
      <c r="A15" s="8"/>
      <c r="B15" s="12"/>
      <c r="C15" s="12" t="s">
        <v>52</v>
      </c>
      <c r="D15" s="15"/>
      <c r="E15" s="40">
        <v>555265</v>
      </c>
      <c r="F15" s="15"/>
      <c r="G15" s="40">
        <v>497336</v>
      </c>
      <c r="H15" s="50">
        <v>1.1164785979699841</v>
      </c>
      <c r="I15" s="48" t="s">
        <v>24</v>
      </c>
      <c r="J15" s="48"/>
    </row>
    <row r="16" spans="1:10" ht="12" customHeight="1" x14ac:dyDescent="0.15">
      <c r="A16" s="6"/>
      <c r="B16" s="13"/>
      <c r="C16" s="20" t="s">
        <v>47</v>
      </c>
      <c r="D16" s="15"/>
      <c r="E16" s="37">
        <v>45388</v>
      </c>
      <c r="F16" s="9"/>
      <c r="G16" s="41">
        <v>51603</v>
      </c>
      <c r="H16" s="54"/>
      <c r="I16" s="41" t="s">
        <v>44</v>
      </c>
      <c r="J16" s="41"/>
    </row>
    <row r="17" spans="1:12" ht="12" customHeight="1" x14ac:dyDescent="0.15">
      <c r="A17" s="6" t="s">
        <v>23</v>
      </c>
      <c r="B17" s="9"/>
      <c r="C17" s="21" t="s">
        <v>54</v>
      </c>
      <c r="D17" s="30"/>
      <c r="E17" s="38">
        <v>25324</v>
      </c>
      <c r="F17" s="45"/>
      <c r="G17" s="38">
        <v>23404</v>
      </c>
      <c r="H17" s="54"/>
      <c r="I17" s="38" t="s">
        <v>7</v>
      </c>
      <c r="J17" s="41"/>
    </row>
    <row r="18" spans="1:12" ht="12" customHeight="1" x14ac:dyDescent="0.15">
      <c r="A18" s="6" t="s">
        <v>26</v>
      </c>
      <c r="B18" s="9"/>
      <c r="C18" s="21" t="s">
        <v>55</v>
      </c>
      <c r="D18" s="30"/>
      <c r="E18" s="38">
        <v>338326</v>
      </c>
      <c r="F18" s="45"/>
      <c r="G18" s="38">
        <v>278159</v>
      </c>
      <c r="H18" s="54"/>
      <c r="I18" s="38" t="s">
        <v>7</v>
      </c>
      <c r="J18" s="41"/>
    </row>
    <row r="19" spans="1:12" ht="12" customHeight="1" x14ac:dyDescent="0.15">
      <c r="A19" s="6" t="s">
        <v>49</v>
      </c>
      <c r="B19" s="9"/>
      <c r="C19" s="22" t="s">
        <v>56</v>
      </c>
      <c r="D19" s="31"/>
      <c r="E19" s="38">
        <v>87388</v>
      </c>
      <c r="F19" s="41"/>
      <c r="G19" s="38">
        <v>88507</v>
      </c>
      <c r="H19" s="52"/>
      <c r="I19" s="38" t="s">
        <v>7</v>
      </c>
      <c r="J19" s="41"/>
    </row>
    <row r="20" spans="1:12" ht="12" customHeight="1" x14ac:dyDescent="0.15">
      <c r="A20" s="9"/>
      <c r="B20" s="9"/>
      <c r="C20" s="21" t="s">
        <v>57</v>
      </c>
      <c r="D20" s="30"/>
      <c r="E20" s="41">
        <v>58839</v>
      </c>
      <c r="F20" s="45"/>
      <c r="G20" s="38">
        <v>55663</v>
      </c>
      <c r="H20" s="54"/>
      <c r="I20" s="38" t="s">
        <v>7</v>
      </c>
      <c r="J20" s="41"/>
    </row>
    <row r="21" spans="1:12" ht="12" customHeight="1" x14ac:dyDescent="0.15">
      <c r="A21" s="9"/>
      <c r="B21" s="9"/>
      <c r="C21" s="22" t="s">
        <v>58</v>
      </c>
      <c r="D21" s="30"/>
      <c r="E21" s="38">
        <v>0</v>
      </c>
      <c r="F21" s="45"/>
      <c r="G21" s="38">
        <v>0</v>
      </c>
      <c r="H21" s="52" t="s">
        <v>63</v>
      </c>
      <c r="I21" s="38" t="s">
        <v>7</v>
      </c>
      <c r="J21" s="38"/>
    </row>
    <row r="22" spans="1:12" ht="12" customHeight="1" x14ac:dyDescent="0.15">
      <c r="A22" s="7"/>
      <c r="B22" s="14"/>
      <c r="C22" s="23" t="s">
        <v>25</v>
      </c>
      <c r="D22" s="32"/>
      <c r="E22" s="42">
        <v>2206650</v>
      </c>
      <c r="F22" s="46"/>
      <c r="G22" s="42">
        <v>2179371</v>
      </c>
      <c r="H22" s="55">
        <v>1.0125169142839838</v>
      </c>
      <c r="I22" s="57" t="s">
        <v>53</v>
      </c>
      <c r="J22" s="57"/>
    </row>
    <row r="23" spans="1:12" ht="12" customHeight="1" x14ac:dyDescent="0.15">
      <c r="A23" s="6"/>
      <c r="B23" s="15"/>
      <c r="C23" s="24" t="s">
        <v>27</v>
      </c>
      <c r="D23" s="13"/>
      <c r="E23" s="40">
        <v>2396312.09</v>
      </c>
      <c r="F23" s="47"/>
      <c r="G23" s="40">
        <v>2267241.9789610608</v>
      </c>
      <c r="H23" s="50">
        <v>1.0569282468464545</v>
      </c>
      <c r="I23" s="48"/>
      <c r="J23" s="48"/>
    </row>
    <row r="24" spans="1:12" ht="12" customHeight="1" x14ac:dyDescent="0.15">
      <c r="A24" s="6"/>
      <c r="B24" s="9"/>
      <c r="C24" s="25" t="s">
        <v>28</v>
      </c>
      <c r="D24" s="30"/>
      <c r="E24" s="37">
        <v>577332.86360000004</v>
      </c>
      <c r="F24" s="45"/>
      <c r="G24" s="37">
        <v>470163.28014418058</v>
      </c>
      <c r="H24" s="51">
        <v>1.2279412025178886</v>
      </c>
      <c r="I24" s="37"/>
      <c r="J24" s="37"/>
    </row>
    <row r="25" spans="1:12" ht="12" customHeight="1" x14ac:dyDescent="0.15">
      <c r="A25" s="6"/>
      <c r="B25" s="9"/>
      <c r="C25" s="18" t="s">
        <v>31</v>
      </c>
      <c r="D25" s="30"/>
      <c r="E25" s="38">
        <v>408467.3088</v>
      </c>
      <c r="F25" s="45"/>
      <c r="G25" s="38">
        <v>447718.25019523432</v>
      </c>
      <c r="H25" s="52">
        <v>0.91233115608283033</v>
      </c>
      <c r="I25" s="38"/>
      <c r="J25" s="38"/>
    </row>
    <row r="26" spans="1:12" ht="12" customHeight="1" x14ac:dyDescent="0.15">
      <c r="A26" s="6" t="s">
        <v>5</v>
      </c>
      <c r="B26" s="9"/>
      <c r="C26" s="18" t="s">
        <v>32</v>
      </c>
      <c r="D26" s="30"/>
      <c r="E26" s="38">
        <v>354689.82990000001</v>
      </c>
      <c r="F26" s="45"/>
      <c r="G26" s="38">
        <v>378077.25360451383</v>
      </c>
      <c r="H26" s="52">
        <v>0.93814115109665352</v>
      </c>
      <c r="I26" s="38"/>
      <c r="J26" s="38"/>
    </row>
    <row r="27" spans="1:12" ht="12" customHeight="1" x14ac:dyDescent="0.15">
      <c r="A27" s="6" t="s">
        <v>20</v>
      </c>
      <c r="B27" s="9"/>
      <c r="C27" s="18" t="s">
        <v>33</v>
      </c>
      <c r="D27" s="30"/>
      <c r="E27" s="38">
        <v>139292.72779999999</v>
      </c>
      <c r="F27" s="45"/>
      <c r="G27" s="38">
        <v>148838.76815679268</v>
      </c>
      <c r="H27" s="52">
        <v>0.93586321309286502</v>
      </c>
      <c r="I27" s="38"/>
      <c r="J27" s="38"/>
    </row>
    <row r="28" spans="1:12" ht="12" customHeight="1" x14ac:dyDescent="0.15">
      <c r="A28" s="6"/>
      <c r="B28" s="9"/>
      <c r="C28" s="18" t="s">
        <v>34</v>
      </c>
      <c r="D28" s="30"/>
      <c r="E28" s="38">
        <v>205058.3946</v>
      </c>
      <c r="F28" s="45"/>
      <c r="G28" s="38">
        <v>320795.3945759022</v>
      </c>
      <c r="H28" s="52">
        <v>0.63921863613750196</v>
      </c>
      <c r="I28" s="38"/>
      <c r="J28" s="38"/>
    </row>
    <row r="29" spans="1:12" ht="12" customHeight="1" x14ac:dyDescent="0.15">
      <c r="A29" s="6"/>
      <c r="B29" s="9"/>
      <c r="C29" s="18" t="s">
        <v>4</v>
      </c>
      <c r="D29" s="30"/>
      <c r="E29" s="38">
        <v>401346.56089999998</v>
      </c>
      <c r="F29" s="45"/>
      <c r="G29" s="38">
        <v>282966.7658115403</v>
      </c>
      <c r="H29" s="52">
        <v>1.4183522921815568</v>
      </c>
      <c r="I29" s="38"/>
      <c r="J29" s="38"/>
      <c r="K29" s="70" t="s">
        <v>51</v>
      </c>
      <c r="L29" s="71"/>
    </row>
    <row r="30" spans="1:12" ht="12" customHeight="1" x14ac:dyDescent="0.15">
      <c r="A30" s="6"/>
      <c r="B30" s="16"/>
      <c r="C30" s="26" t="s">
        <v>35</v>
      </c>
      <c r="D30" s="33"/>
      <c r="E30" s="43">
        <v>310124.4044</v>
      </c>
      <c r="F30" s="48"/>
      <c r="G30" s="43">
        <v>218682.26647289659</v>
      </c>
      <c r="H30" s="56">
        <v>1.4181506777022395</v>
      </c>
      <c r="I30" s="43"/>
      <c r="J30" s="43"/>
    </row>
    <row r="31" spans="1:12" ht="12" customHeight="1" x14ac:dyDescent="0.15">
      <c r="A31" s="7"/>
      <c r="B31" s="14"/>
      <c r="C31" s="27" t="s">
        <v>36</v>
      </c>
      <c r="D31" s="32"/>
      <c r="E31" s="42">
        <v>365602.91000000015</v>
      </c>
      <c r="F31" s="46"/>
      <c r="G31" s="42">
        <v>409465.02103893925</v>
      </c>
      <c r="H31" s="55">
        <v>0.89287946763401826</v>
      </c>
      <c r="I31" s="57" t="s">
        <v>37</v>
      </c>
      <c r="J31" s="57"/>
    </row>
    <row r="32" spans="1:12" ht="12" customHeight="1" x14ac:dyDescent="0.15">
      <c r="A32" s="6"/>
      <c r="B32" s="9"/>
      <c r="C32" s="28" t="s">
        <v>38</v>
      </c>
      <c r="D32" s="30"/>
      <c r="E32" s="38">
        <v>227057</v>
      </c>
      <c r="F32" s="45"/>
      <c r="G32" s="41">
        <v>185185</v>
      </c>
      <c r="H32" s="52">
        <v>1.2261090261090262</v>
      </c>
      <c r="I32" s="41"/>
      <c r="J32" s="41"/>
    </row>
    <row r="33" spans="1:10" ht="12" customHeight="1" x14ac:dyDescent="0.15">
      <c r="A33" s="6" t="s">
        <v>40</v>
      </c>
      <c r="B33" s="9"/>
      <c r="C33" s="18" t="s">
        <v>3</v>
      </c>
      <c r="D33" s="30"/>
      <c r="E33" s="1">
        <v>429667</v>
      </c>
      <c r="F33" s="45"/>
      <c r="G33" s="38">
        <v>355984</v>
      </c>
      <c r="H33" s="52">
        <v>1.2069840217537866</v>
      </c>
      <c r="I33" s="38"/>
      <c r="J33" s="38"/>
    </row>
    <row r="34" spans="1:10" ht="12" customHeight="1" x14ac:dyDescent="0.15">
      <c r="A34" s="6" t="s">
        <v>14</v>
      </c>
      <c r="B34" s="9"/>
      <c r="C34" s="18" t="s">
        <v>41</v>
      </c>
      <c r="D34" s="30"/>
      <c r="E34" s="38">
        <v>1796048</v>
      </c>
      <c r="F34" s="45"/>
      <c r="G34" s="38">
        <v>1816077.7430393407</v>
      </c>
      <c r="H34" s="52">
        <v>0.98897087797253691</v>
      </c>
      <c r="I34" s="38"/>
      <c r="J34" s="38"/>
    </row>
    <row r="35" spans="1:10" ht="12" customHeight="1" x14ac:dyDescent="0.15">
      <c r="A35" s="7"/>
      <c r="B35" s="11"/>
      <c r="C35" s="19" t="s">
        <v>35</v>
      </c>
      <c r="D35" s="34"/>
      <c r="E35" s="44">
        <v>309143</v>
      </c>
      <c r="F35" s="49"/>
      <c r="G35" s="44">
        <v>319460.25696065929</v>
      </c>
      <c r="H35" s="53">
        <v>0.96770409859799922</v>
      </c>
      <c r="I35" s="39" t="s">
        <v>12</v>
      </c>
      <c r="J35" s="39"/>
    </row>
    <row r="36" spans="1:10" ht="12" customHeight="1" x14ac:dyDescent="0.15">
      <c r="A36" s="72" t="s">
        <v>29</v>
      </c>
      <c r="B36" s="72"/>
      <c r="C36" s="72"/>
      <c r="D36" s="13"/>
      <c r="E36" s="40">
        <v>7798038.841</v>
      </c>
      <c r="F36" s="47"/>
      <c r="G36" s="40">
        <v>6650813.3449999997</v>
      </c>
      <c r="H36" s="50">
        <v>1.1724940148654857</v>
      </c>
      <c r="I36" s="48" t="s">
        <v>42</v>
      </c>
      <c r="J36" s="48"/>
    </row>
    <row r="37" spans="1:10" ht="12" customHeight="1" x14ac:dyDescent="0.15">
      <c r="A37" s="5" t="s">
        <v>5</v>
      </c>
      <c r="B37" s="9"/>
      <c r="C37" s="25" t="s">
        <v>27</v>
      </c>
      <c r="D37" s="30"/>
      <c r="E37" s="37">
        <v>6784293.7916700002</v>
      </c>
      <c r="F37" s="45"/>
      <c r="G37" s="37">
        <v>5653191.3432499999</v>
      </c>
      <c r="H37" s="51">
        <v>1.2000821093329088</v>
      </c>
      <c r="I37" s="37"/>
      <c r="J37" s="37"/>
    </row>
    <row r="38" spans="1:10" ht="12" customHeight="1" x14ac:dyDescent="0.15">
      <c r="A38" s="7" t="s">
        <v>20</v>
      </c>
      <c r="B38" s="11"/>
      <c r="C38" s="19" t="s">
        <v>36</v>
      </c>
      <c r="D38" s="34"/>
      <c r="E38" s="39">
        <v>1013745.04933</v>
      </c>
      <c r="F38" s="49"/>
      <c r="G38" s="39">
        <v>997622.00175000005</v>
      </c>
      <c r="H38" s="53">
        <v>1.0161614795500875</v>
      </c>
      <c r="I38" s="39"/>
      <c r="J38" s="39"/>
    </row>
    <row r="39" spans="1:10" ht="12" customHeight="1" x14ac:dyDescent="0.15">
      <c r="A39" s="6"/>
      <c r="B39" s="9"/>
      <c r="C39" s="28" t="s">
        <v>43</v>
      </c>
      <c r="D39" s="30"/>
      <c r="E39" s="41">
        <v>5334986.12</v>
      </c>
      <c r="F39" s="45"/>
      <c r="G39" s="41">
        <v>4359150.04</v>
      </c>
      <c r="H39" s="54">
        <v>1.2238592549110789</v>
      </c>
      <c r="I39" s="41"/>
      <c r="J39" s="41"/>
    </row>
    <row r="40" spans="1:10" ht="12" customHeight="1" x14ac:dyDescent="0.15">
      <c r="A40" s="6" t="s">
        <v>45</v>
      </c>
      <c r="B40" s="9"/>
      <c r="C40" s="18" t="s">
        <v>39</v>
      </c>
      <c r="D40" s="30"/>
      <c r="E40" s="38">
        <v>1067095.2960000001</v>
      </c>
      <c r="F40" s="45"/>
      <c r="G40" s="38">
        <v>977126.40000000002</v>
      </c>
      <c r="H40" s="52">
        <v>1.0920749823154916</v>
      </c>
      <c r="I40" s="38"/>
      <c r="J40" s="38"/>
    </row>
    <row r="41" spans="1:10" ht="12" customHeight="1" x14ac:dyDescent="0.15">
      <c r="A41" s="6" t="s">
        <v>20</v>
      </c>
      <c r="B41" s="9"/>
      <c r="C41" s="18" t="s">
        <v>46</v>
      </c>
      <c r="D41" s="30"/>
      <c r="E41" s="38">
        <v>249762.7</v>
      </c>
      <c r="F41" s="45"/>
      <c r="G41" s="38">
        <v>203703.5</v>
      </c>
      <c r="H41" s="52">
        <v>1.2261090261090262</v>
      </c>
      <c r="I41" s="38"/>
      <c r="J41" s="38"/>
    </row>
    <row r="42" spans="1:10" ht="12" customHeight="1" x14ac:dyDescent="0.15">
      <c r="A42" s="10"/>
      <c r="B42" s="16"/>
      <c r="C42" s="26" t="s">
        <v>35</v>
      </c>
      <c r="D42" s="33"/>
      <c r="E42" s="43">
        <v>1146194.7250000001</v>
      </c>
      <c r="F42" s="48"/>
      <c r="G42" s="43">
        <v>1110833.4049999993</v>
      </c>
      <c r="H42" s="56">
        <v>1.031833144232821</v>
      </c>
      <c r="I42" s="43" t="s">
        <v>10</v>
      </c>
      <c r="J42" s="43"/>
    </row>
  </sheetData>
  <mergeCells count="9">
    <mergeCell ref="A2:J2"/>
    <mergeCell ref="B3:C3"/>
    <mergeCell ref="D3:E3"/>
    <mergeCell ref="F3:G3"/>
    <mergeCell ref="A5:C5"/>
    <mergeCell ref="J3:J4"/>
    <mergeCell ref="A6:C6"/>
    <mergeCell ref="K29:L29"/>
    <mergeCell ref="A36:C36"/>
  </mergeCells>
  <phoneticPr fontId="2"/>
  <conditionalFormatting sqref="A6:F16 A23:F32 A33:D33 F33 A34:F42 A43:XFD1048576">
    <cfRule type="cellIs" dxfId="3" priority="4" stopIfTrue="1" operator="equal">
      <formula>0</formula>
    </cfRule>
  </conditionalFormatting>
  <conditionalFormatting sqref="A4:I4 K4:XFD4 A5:XFD5 H6:XFD28 A17:A19 B17:F21 A22:B22 D22:F22 H29:K29 M29:XFD29 H30:XFD42">
    <cfRule type="cellIs" dxfId="2" priority="5" stopIfTrue="1" operator="equal">
      <formula>0</formula>
    </cfRule>
  </conditionalFormatting>
  <conditionalFormatting sqref="A1:XFD3">
    <cfRule type="cellIs" dxfId="1" priority="3" stopIfTrue="1" operator="equal">
      <formula>0</formula>
    </cfRule>
  </conditionalFormatting>
  <conditionalFormatting sqref="G6:G42">
    <cfRule type="cellIs" dxfId="0" priority="1" stopIfTrue="1" operator="equal">
      <formula>0</formula>
    </cfRule>
  </conditionalFormatting>
  <pageMargins left="0.59055118110236227" right="0.39370078740157483" top="0.39370078740157483" bottom="0.39" header="0" footer="0"/>
  <pageSetup paperSize="9" scale="92" fitToWidth="0" fitToHeight="0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1</vt:i4>
      </vt:variant>
    </vt:vector>
  </HeadingPairs>
  <TitlesOfParts>
    <vt:vector size="6" baseType="lpstr">
      <vt:lpstr>令和３年</vt:lpstr>
      <vt:lpstr>令和４年</vt:lpstr>
      <vt:lpstr>令和５年</vt:lpstr>
      <vt:lpstr>令和６年</vt:lpstr>
      <vt:lpstr>令和７年</vt:lpstr>
      <vt:lpstr>令和７年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岡田大樹</dc:creator>
  <cp:lastModifiedBy>越智恵治</cp:lastModifiedBy>
  <cp:lastPrinted>2026-03-11T06:40:15Z</cp:lastPrinted>
  <dcterms:created xsi:type="dcterms:W3CDTF">2017-02-10T07:47:38Z</dcterms:created>
  <dcterms:modified xsi:type="dcterms:W3CDTF">2026-05-26T04:54:2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3.1.10.0</vt:lpwstr>
    </vt:vector>
  </property>
  <property fmtid="{DCFEDD21-7773-49B2-8022-6FC58DB5260B}" pid="3" name="LastSavedVersion">
    <vt:lpwstr>3.1.10.0</vt:lpwstr>
  </property>
  <property fmtid="{DCFEDD21-7773-49B2-8022-6FC58DB5260B}" pid="4" name="LastSavedDate">
    <vt:filetime>2026-04-28T06:40:08Z</vt:filetime>
  </property>
</Properties>
</file>